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20"/>
  </p:sldMasterIdLst>
  <p:notesMasterIdLst>
    <p:notesMasterId r:id="rId27"/>
  </p:notesMasterIdLst>
  <p:sldIdLst>
    <p:sldId id="3276" r:id="rId21"/>
    <p:sldId id="3278" r:id="rId22"/>
    <p:sldId id="3286" r:id="rId23"/>
    <p:sldId id="3282" r:id="rId24"/>
    <p:sldId id="3277" r:id="rId25"/>
    <p:sldId id="3242" r:id="rId26"/>
  </p:sldIdLst>
  <p:sldSz cx="12192000" cy="6858000"/>
  <p:notesSz cx="6858000" cy="9144000"/>
  <p:custDataLst>
    <p:tags r:id="rId28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AEAEA"/>
    <a:srgbClr val="0000FF"/>
    <a:srgbClr val="9EC3E1"/>
    <a:srgbClr val="990000"/>
    <a:srgbClr val="1F538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4660"/>
  </p:normalViewPr>
  <p:slideViewPr>
    <p:cSldViewPr snapToGrid="0" showGuides="1">
      <p:cViewPr varScale="1">
        <p:scale>
          <a:sx n="93" d="100"/>
          <a:sy n="93" d="100"/>
        </p:scale>
        <p:origin x="62" y="4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tags" Target="tags/tag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notesMaster" Target="notesMasters/notesMaster1.xml"/><Relationship Id="rId30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DA840C6-1F39-43ED-B27B-1FEC6C3829D7}" type="datetimeFigureOut">
              <a:rPr lang="en-GB" smtClean="0"/>
              <a:t>25/05/2023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5E21C0D-9E07-4C74-9A59-193F61F6289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85986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B8470CD4-B29B-1847-9ED9-8C0CAA5D477B}" type="datetime1">
              <a:rPr lang="en-US" smtClean="0"/>
              <a:t>5/25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1159272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5" Type="http://schemas.openxmlformats.org/officeDocument/2006/relationships/image" Target="../media/image6.png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5" Type="http://schemas.openxmlformats.org/officeDocument/2006/relationships/image" Target="../media/image6.png"/><Relationship Id="rId4" Type="http://schemas.openxmlformats.org/officeDocument/2006/relationships/image" Target="../media/image5.svg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Relationship Id="rId4" Type="http://schemas.openxmlformats.org/officeDocument/2006/relationships/image" Target="../media/image8.png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/Relationships>
</file>

<file path=ppt/slideLayouts/_rels/slideLayout4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6.xml"/></Relationships>
</file>

<file path=ppt/slideLayouts/_rels/slideLayout4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7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8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9.xml"/></Relationships>
</file>

<file path=ppt/slideLayouts/_rels/slideLayout4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0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 with Shie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1B16BA09-5E0E-9342-7B5F-208FB49230F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4" name="Background">
            <a:extLst>
              <a:ext uri="{FF2B5EF4-FFF2-40B4-BE49-F238E27FC236}">
                <a16:creationId xmlns:a16="http://schemas.microsoft.com/office/drawing/2014/main" id="{839A0678-D339-25B7-6999-A7B668AB1E90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gradFill>
            <a:gsLst>
              <a:gs pos="11000">
                <a:schemeClr val="bg1">
                  <a:alpha val="0"/>
                </a:schemeClr>
              </a:gs>
              <a:gs pos="51000">
                <a:schemeClr val="bg1"/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37769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6008400"/>
            <a:ext cx="5195025" cy="180000"/>
          </a:xfrm>
        </p:spPr>
        <p:txBody>
          <a:bodyPr/>
          <a:lstStyle>
            <a:lvl1pPr>
              <a:defRPr sz="1000">
                <a:solidFill>
                  <a:schemeClr val="tx2"/>
                </a:solidFill>
              </a:defRPr>
            </a:lvl1pPr>
          </a:lstStyle>
          <a:p>
            <a:fld id="{2555C37E-A1C6-4459-9E67-8F853AD043DA}" type="datetime4">
              <a:rPr lang="en-US" smtClean="0"/>
              <a:pPr/>
              <a:t>May 25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725" y="5568027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85044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pic>
        <p:nvPicPr>
          <p:cNvPr id="91303964" name="Picture 19" descr="{&quot;templafy&quot;:{&quot;id&quot;:&quot;fb03c652-f140-4034-afd2-7e1d00a3c94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80769" y="669969"/>
            <a:ext cx="5084504" cy="1274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22638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F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Divider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tx2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25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5CB14299-9B5F-BF3A-D63A-A282BCE062E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ac3c8d63-dcb1-4a96-b837-b2959133418a&quot;}}">
            <a:extLst>
              <a:ext uri="{FF2B5EF4-FFF2-40B4-BE49-F238E27FC236}">
                <a16:creationId xmlns:a16="http://schemas.microsoft.com/office/drawing/2014/main" id="{F9DD6C23-C8F9-1547-9614-BEBD6DAFD0D9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190054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G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Divider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bg1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25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82F1C1D4-A570-C8D4-71E4-37223819B6F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42f937ca-0090-425c-94c6-4499b27e3cc0&quot;}}">
            <a:extLst>
              <a:ext uri="{FF2B5EF4-FFF2-40B4-BE49-F238E27FC236}">
                <a16:creationId xmlns:a16="http://schemas.microsoft.com/office/drawing/2014/main" id="{EBCD5668-E220-BAC0-653D-1464F2010891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2560272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H">
    <p:bg>
      <p:bgPr>
        <a:solidFill>
          <a:schemeClr val="accent4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Divider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4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25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864e36b0-4aa1-4a5d-91c3-8fd2439d2771&quot;}}">
            <a:extLst>
              <a:ext uri="{FF2B5EF4-FFF2-40B4-BE49-F238E27FC236}">
                <a16:creationId xmlns:a16="http://schemas.microsoft.com/office/drawing/2014/main" id="{91EF78B0-9F03-F314-B042-2A9C780D80D5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13883493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10752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B530299-CA6B-4E8C-BCCE-DD62263A5EED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66101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head and 1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BF58B4-61FE-4B6E-9387-39B058629E66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1075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830070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8771BA-DEC6-F3CD-0966-439080AF15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D54B0AC-EFAA-1FCE-1F40-2E60B6B6702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CC6BC50-3655-09A2-54D0-991FCCB4D1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98E7446D-1AC7-A43F-ADC3-99ABFBDE93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47EC7B5-5579-B015-84D6-CEA96A4D5E9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859749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86CF56-797D-76D1-938F-9E4AB58EBE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A6DD9D7-320B-688A-C7E1-3A0DA32461F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508826-EFB1-9253-4DD9-529D28A14B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65832291-D52E-BC28-A4EE-FF28DF7F69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761939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wo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B0A5DFB-6244-4115-A7AB-7C97339F6AD2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713599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789375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ontent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97ECFD5-E07E-4246-A3BA-6245CC117A65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</p:spTree>
    <p:extLst>
      <p:ext uri="{BB962C8B-B14F-4D97-AF65-F5344CB8AC3E}">
        <p14:creationId xmlns:p14="http://schemas.microsoft.com/office/powerpoint/2010/main" val="12970669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97ECFD5-E07E-4246-A3BA-6245CC117A65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422775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128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707056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 with Shield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44CDB109-2703-E004-DAD3-0A9F90171FA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4EC7E38D-B81D-FC40-15B1-DC990195C275}"/>
              </a:ext>
            </a:extLst>
          </p:cNvPr>
          <p:cNvSpPr/>
          <p:nvPr userDrawn="1"/>
        </p:nvSpPr>
        <p:spPr>
          <a:xfrm rot="10800000">
            <a:off x="-1" y="-1"/>
            <a:ext cx="12178055" cy="6857999"/>
          </a:xfrm>
          <a:prstGeom prst="rect">
            <a:avLst/>
          </a:prstGeom>
          <a:gradFill flip="none" rotWithShape="1">
            <a:gsLst>
              <a:gs pos="94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43000">
                <a:schemeClr val="accent1">
                  <a:alpha val="96549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6008400"/>
            <a:ext cx="5195025" cy="180000"/>
          </a:xfrm>
        </p:spPr>
        <p:txBody>
          <a:bodyPr/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fld id="{2555C37E-A1C6-4459-9E67-8F853AD043DA}" type="datetime4">
              <a:rPr lang="en-US" smtClean="0"/>
              <a:pPr/>
              <a:t>May 25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000" y="5568027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85044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pic>
        <p:nvPicPr>
          <p:cNvPr id="703241902" name="Picture 7" descr="{&quot;templafy&quot;:{&quot;id&quot;:&quot;186229f9-c415-4e92-bd4c-500ba016fca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80769" y="669969"/>
            <a:ext cx="5084504" cy="1274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35672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97ECFD5-E07E-4246-A3BA-6245CC117A65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3498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275999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B5911BE-8839-F336-D549-40F51B1053D4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053275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533062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BF58B4-61FE-4B6E-9387-39B058629E66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02800" y="720000"/>
            <a:ext cx="79704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5600" cy="25308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9FEC81-69D3-F091-6AAB-584372D2CDC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556000"/>
            <a:ext cx="2416175" cy="25812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611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2251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2047" userDrawn="1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840120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BF58B4-61FE-4B6E-9387-39B058629E66}" type="datetime4">
              <a:rPr lang="en-US" noProof="0" smtClean="0"/>
              <a:t>May 25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70488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787261" y="720000"/>
            <a:ext cx="2680837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Footers" descr="{&quot;templafy&quot;:{&quot;id&quot;:&quot;1322ffa1-1ec2-49a0-9f44-b4ea0fcfb60e&quot;}}">
            <a:extLst>
              <a:ext uri="{FF2B5EF4-FFF2-40B4-BE49-F238E27FC236}">
                <a16:creationId xmlns:a16="http://schemas.microsoft.com/office/drawing/2014/main" id="{1730DDFB-184E-CE5B-13B1-2A6F3A06ACE8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15646296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bar,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2024062" cy="180000"/>
          </a:xfrm>
        </p:spPr>
        <p:txBody>
          <a:bodyPr/>
          <a:lstStyle/>
          <a:p>
            <a:fld id="{AEBF58B4-61FE-4B6E-9387-39B058629E66}" type="datetime4">
              <a:rPr lang="en-US" noProof="0" smtClean="0"/>
              <a:t>May 25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4244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4244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4400" y="720000"/>
            <a:ext cx="70488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20000" y="720000"/>
            <a:ext cx="24192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151067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Left - Photo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614FC3F-8ED6-0751-6C51-3B2BEC1277D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20090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BF58B4-61FE-4B6E-9387-39B058629E66}" type="datetime4">
              <a:rPr lang="en-US" noProof="0" smtClean="0"/>
              <a:t>May 25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61220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Footers" descr="{&quot;templafy&quot;:{&quot;id&quot;:&quot;f3dde9ec-a44b-4ab6-8dfe-23ac88be3558&quot;}}">
            <a:extLst>
              <a:ext uri="{FF2B5EF4-FFF2-40B4-BE49-F238E27FC236}">
                <a16:creationId xmlns:a16="http://schemas.microsoft.com/office/drawing/2014/main" id="{F9EC4DD8-B03D-E94C-E682-0A9B26DCBF89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4092619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to Left - Conten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6">
            <a:extLst>
              <a:ext uri="{FF2B5EF4-FFF2-40B4-BE49-F238E27FC236}">
                <a16:creationId xmlns:a16="http://schemas.microsoft.com/office/drawing/2014/main" id="{C0E66B85-A497-806D-1EDC-07151561F03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2024062" cy="180000"/>
          </a:xfrm>
        </p:spPr>
        <p:txBody>
          <a:bodyPr/>
          <a:lstStyle/>
          <a:p>
            <a:fld id="{AEBF58B4-61FE-4B6E-9387-39B058629E66}" type="datetime4">
              <a:rPr lang="en-US" noProof="0" smtClean="0"/>
              <a:t>May 25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49275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349275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49275" y="720000"/>
            <a:ext cx="61220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114611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57D76C0-5C22-E359-CE79-F004D2181106}"/>
              </a:ext>
            </a:extLst>
          </p:cNvPr>
          <p:cNvSpPr/>
          <p:nvPr userDrawn="1"/>
        </p:nvSpPr>
        <p:spPr>
          <a:xfrm>
            <a:off x="0" y="0"/>
            <a:ext cx="5911200" cy="6858000"/>
          </a:xfrm>
          <a:prstGeom prst="rect">
            <a:avLst/>
          </a:prstGeom>
          <a:gradFill>
            <a:gsLst>
              <a:gs pos="60000">
                <a:schemeClr val="accent1"/>
              </a:gs>
              <a:gs pos="86000">
                <a:srgbClr val="1F538F"/>
              </a:gs>
              <a:gs pos="100000">
                <a:schemeClr val="accent3"/>
              </a:gs>
            </a:gsLst>
            <a:lin ang="81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Content Placeholder 13">
            <a:extLst>
              <a:ext uri="{FF2B5EF4-FFF2-40B4-BE49-F238E27FC236}">
                <a16:creationId xmlns:a16="http://schemas.microsoft.com/office/drawing/2014/main" id="{8629CEFB-CC46-A8B8-01A0-9FC67CBA2F49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906275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Content Placeholder 13">
            <a:extLst>
              <a:ext uri="{FF2B5EF4-FFF2-40B4-BE49-F238E27FC236}">
                <a16:creationId xmlns:a16="http://schemas.microsoft.com/office/drawing/2014/main" id="{277AD4A9-73AA-FC1E-DFE4-E50DD96AC8A9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8080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3" name="Content Placeholder 13">
            <a:extLst>
              <a:ext uri="{FF2B5EF4-FFF2-40B4-BE49-F238E27FC236}">
                <a16:creationId xmlns:a16="http://schemas.microsoft.com/office/drawing/2014/main" id="{50F43CDD-BB71-2518-2700-3FC4FD0DB8F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6275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97282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2047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2273" userDrawn="1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7762" cy="25308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AC1FBFE-B73D-7F3E-861B-16D1159B45C4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3607199"/>
            <a:ext cx="5195025" cy="2530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Content Placeholder 17">
            <a:extLst>
              <a:ext uri="{FF2B5EF4-FFF2-40B4-BE49-F238E27FC236}">
                <a16:creationId xmlns:a16="http://schemas.microsoft.com/office/drawing/2014/main" id="{C93BC420-F68F-9B1C-F5A8-F0BAD3B826C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75387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275387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108479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EC26CBF-9D3D-15DE-A3B6-1F8AC80A3E0C}"/>
              </a:ext>
            </a:extLst>
          </p:cNvPr>
          <p:cNvSpPr/>
          <p:nvPr userDrawn="1"/>
        </p:nvSpPr>
        <p:spPr>
          <a:xfrm>
            <a:off x="0" y="0"/>
            <a:ext cx="31356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18288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3C86090-9697-9AEF-C893-5B4EBE1CA3B2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286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5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B292795-53E5-D4AE-7881-39C23A693A20}"/>
              </a:ext>
            </a:extLst>
          </p:cNvPr>
          <p:cNvSpPr/>
          <p:nvPr userDrawn="1"/>
        </p:nvSpPr>
        <p:spPr>
          <a:xfrm>
            <a:off x="9053512" y="0"/>
            <a:ext cx="3138487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212062" y="7200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212062" y="36068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7D0E8A7-F71B-DA02-9636-65342A59D1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19999"/>
            <a:ext cx="2416913" cy="2529613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0439221F-1453-B601-B3A1-2760F20CC76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606800"/>
            <a:ext cx="2416175" cy="25304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  <p:sp>
        <p:nvSpPr>
          <p:cNvPr id="5" name="Footers" descr="{&quot;templafy&quot;:{&quot;id&quot;:&quot;b06f3568-829e-4460-93f5-b9a38f8746d4&quot;}}">
            <a:extLst>
              <a:ext uri="{FF2B5EF4-FFF2-40B4-BE49-F238E27FC236}">
                <a16:creationId xmlns:a16="http://schemas.microsoft.com/office/drawing/2014/main" id="{EDC4708C-CD54-B7F2-D805-7C44F6F2B07D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979422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 with Confidential Statement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C753663D-E098-B93B-3E15-3DB8D2D8F89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5D5AB2CE-B33D-1B37-2E06-5DF32D905889}"/>
              </a:ext>
            </a:extLst>
          </p:cNvPr>
          <p:cNvSpPr/>
          <p:nvPr userDrawn="1"/>
        </p:nvSpPr>
        <p:spPr>
          <a:xfrm rot="10800000">
            <a:off x="0" y="1"/>
            <a:ext cx="12178055" cy="5557138"/>
          </a:xfrm>
          <a:prstGeom prst="rect">
            <a:avLst/>
          </a:prstGeom>
          <a:gradFill flip="none" rotWithShape="1">
            <a:gsLst>
              <a:gs pos="100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51000">
                <a:schemeClr val="accent1">
                  <a:alpha val="90000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015152"/>
            <a:ext cx="10733505" cy="1296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60055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4941020"/>
            <a:ext cx="5195025" cy="180000"/>
          </a:xfrm>
        </p:spPr>
        <p:txBody>
          <a:bodyPr/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fld id="{2555C37E-A1C6-4459-9E67-8F853AD043DA}" type="datetime4">
              <a:rPr lang="en-US" smtClean="0"/>
              <a:pPr/>
              <a:t>May 25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000" y="4501247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4717543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31A22EB-BD03-D54C-510B-9450ECC7F9DD}"/>
              </a:ext>
            </a:extLst>
          </p:cNvPr>
          <p:cNvSpPr/>
          <p:nvPr userDrawn="1"/>
        </p:nvSpPr>
        <p:spPr bwMode="auto">
          <a:xfrm>
            <a:off x="0" y="5566321"/>
            <a:ext cx="12192000" cy="1295400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>
            <a:noFill/>
            <a:round/>
            <a:headEnd/>
            <a:tailEnd/>
          </a:ln>
        </p:spPr>
        <p:txBody>
          <a:bodyPr vert="horz" wrap="square" lIns="121920" tIns="60960" rIns="121920" bIns="60960" numCol="1" rtlCol="0" anchor="t" anchorCtr="0" compatLnSpc="1">
            <a:prstTxWarp prst="textNoShape">
              <a:avLst/>
            </a:prstTxWarp>
          </a:bodyPr>
          <a:lstStyle/>
          <a:p>
            <a:pPr algn="ctr"/>
            <a:endParaRPr lang="en-US" sz="2400"/>
          </a:p>
        </p:txBody>
      </p:sp>
      <p:sp>
        <p:nvSpPr>
          <p:cNvPr id="11" name="Line top Placeholder 20">
            <a:extLst>
              <a:ext uri="{FF2B5EF4-FFF2-40B4-BE49-F238E27FC236}">
                <a16:creationId xmlns:a16="http://schemas.microsoft.com/office/drawing/2014/main" id="{BDD14DD9-CE12-CB1D-F34C-E1CF891B53B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5530321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411FCB7A-8CF2-FF56-27FD-1990B8CFF15A}"/>
              </a:ext>
            </a:extLst>
          </p:cNvPr>
          <p:cNvSpPr txBox="1">
            <a:spLocks/>
          </p:cNvSpPr>
          <p:nvPr userDrawn="1"/>
        </p:nvSpPr>
        <p:spPr>
          <a:xfrm>
            <a:off x="635001" y="6139752"/>
            <a:ext cx="10827546" cy="271145"/>
          </a:xfrm>
          <a:prstGeom prst="rect">
            <a:avLst/>
          </a:prstGeom>
        </p:spPr>
        <p:txBody>
          <a:bodyPr/>
          <a:lstStyle>
            <a:lvl1pPr marL="136800" indent="-1368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Font typeface="Calibri Light" panose="020F0302020204030204" pitchFamily="34" charset="0"/>
              <a:buChar char="•"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273600" indent="-1368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100"/>
              </a:spcAft>
              <a:buClr>
                <a:srgbClr val="9EC3E1"/>
              </a:buClr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2pPr>
            <a:lvl3pPr marL="410400" indent="-136800" algn="l" defTabSz="914400" rtl="0" eaLnBrk="1" latinLnBrk="0" hangingPunct="1">
              <a:lnSpc>
                <a:spcPct val="90000"/>
              </a:lnSpc>
              <a:spcBef>
                <a:spcPts val="400"/>
              </a:spcBef>
              <a:spcAft>
                <a:spcPts val="200"/>
              </a:spcAft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Calibri Light" panose="020F0302020204030204" pitchFamily="34" charset="0"/>
              <a:buChar char="​"/>
              <a:defRPr sz="2800" b="1" kern="1200" cap="all" spc="200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tabLst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Font typeface="Berlingske Serif Text Office"/>
              <a:buNone/>
              <a:defRPr sz="1600" b="1" kern="1200" cap="all" spc="18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marR="0" indent="0" algn="l" defTabSz="914400" rtl="0" eaLnBrk="1" fontAlgn="auto" latinLnBrk="0" hangingPunct="1">
              <a:lnSpc>
                <a:spcPct val="90000"/>
              </a:lnSpc>
              <a:spcBef>
                <a:spcPts val="200"/>
              </a:spcBef>
              <a:spcAft>
                <a:spcPts val="400"/>
              </a:spcAft>
              <a:buClrTx/>
              <a:buSzTx/>
              <a:buFont typeface="Calibri Light" panose="020F0302020204030204" pitchFamily="34" charset="0"/>
              <a:buChar char="​"/>
              <a:tabLst/>
              <a:defRPr sz="1200" b="0" kern="1200" cap="none" spc="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40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74000"/>
              </a:lnSpc>
              <a:spcBef>
                <a:spcPts val="120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defRPr sz="7500" kern="1200" cap="all" baseline="0">
                <a:solidFill>
                  <a:srgbClr val="D8E7F3"/>
                </a:solidFill>
                <a:latin typeface="+mj-lt"/>
                <a:ea typeface="+mn-ea"/>
                <a:cs typeface="+mn-cs"/>
              </a:defRPr>
            </a:lvl9pPr>
          </a:lstStyle>
          <a:p>
            <a:pPr lvl="6"/>
            <a:r>
              <a:rPr lang="en-GB" sz="1000" b="1" dirty="0"/>
              <a:t>CONFIDENTIAL – DO NOT DISTRIBUTE: </a:t>
            </a:r>
            <a:r>
              <a:rPr lang="en-GB" sz="1000" dirty="0"/>
              <a:t>This presentation contains confidential information and is presented only with the understanding that it’s contents and ideas with not be shared with external groups.</a:t>
            </a:r>
          </a:p>
        </p:txBody>
      </p:sp>
      <p:pic>
        <p:nvPicPr>
          <p:cNvPr id="1807080933" name="Picture 4" descr="{&quot;templafy&quot;:{&quot;id&quot;:&quot;00de0ca2-f96c-47df-8ccc-31f13876e4c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80769" y="669969"/>
            <a:ext cx="5084504" cy="1274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8764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74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HETORICAL Two tex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6097200" y="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5018400" cy="1774800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1" y="2854075"/>
            <a:ext cx="5195885" cy="32832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3" y="2854075"/>
            <a:ext cx="5195887" cy="3283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3">
            <a:extLst>
              <a:ext uri="{FF2B5EF4-FFF2-40B4-BE49-F238E27FC236}">
                <a16:creationId xmlns:a16="http://schemas.microsoft.com/office/drawing/2014/main" id="{DF49F1D1-5694-C367-AC0A-3B106690283C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6280801" y="719138"/>
            <a:ext cx="5195885" cy="1775662"/>
          </a:xfrm>
        </p:spPr>
        <p:txBody>
          <a:bodyPr>
            <a:noAutofit/>
          </a:bodyPr>
          <a:lstStyle>
            <a:lvl1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1" cap="none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11" name="Footers" descr="{&quot;templafy&quot;:{&quot;id&quot;:&quot;a8890b5a-787c-478f-b9cd-86082f9efe78&quot;}}">
            <a:extLst>
              <a:ext uri="{FF2B5EF4-FFF2-40B4-BE49-F238E27FC236}">
                <a16:creationId xmlns:a16="http://schemas.microsoft.com/office/drawing/2014/main" id="{82A8297C-CDDC-2966-C397-33725EE8D105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3890766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1570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7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1797" userDrawn="1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03C7688E-2109-B3A6-BB30-ED06B927D9A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6094801" y="0"/>
            <a:ext cx="60972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0" y="0"/>
            <a:ext cx="6094800" cy="6858000"/>
          </a:xfrm>
          <a:prstGeom prst="rect">
            <a:avLst/>
          </a:prstGeom>
          <a:gradFill>
            <a:gsLst>
              <a:gs pos="38000">
                <a:srgbClr val="D8E7F3"/>
              </a:gs>
              <a:gs pos="100000">
                <a:schemeClr val="bg1"/>
              </a:gs>
            </a:gsLst>
            <a:lin ang="27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964E4448-A264-7659-B7F9-D4E3F0409CEF}"/>
              </a:ext>
            </a:extLst>
          </p:cNvPr>
          <p:cNvSpPr/>
          <p:nvPr userDrawn="1"/>
        </p:nvSpPr>
        <p:spPr>
          <a:xfrm>
            <a:off x="719138" y="1150830"/>
            <a:ext cx="698644" cy="535303"/>
          </a:xfrm>
          <a:custGeom>
            <a:avLst/>
            <a:gdLst>
              <a:gd name="connsiteX0" fmla="*/ 772947 w 828408"/>
              <a:gd name="connsiteY0" fmla="*/ 0 h 634729"/>
              <a:gd name="connsiteX1" fmla="*/ 772947 w 828408"/>
              <a:gd name="connsiteY1" fmla="*/ 50532 h 634729"/>
              <a:gd name="connsiteX2" fmla="*/ 617654 w 828408"/>
              <a:gd name="connsiteY2" fmla="*/ 168850 h 634729"/>
              <a:gd name="connsiteX3" fmla="*/ 570819 w 828408"/>
              <a:gd name="connsiteY3" fmla="*/ 303191 h 634729"/>
              <a:gd name="connsiteX4" fmla="*/ 583144 w 828408"/>
              <a:gd name="connsiteY4" fmla="*/ 362350 h 634729"/>
              <a:gd name="connsiteX5" fmla="*/ 610259 w 828408"/>
              <a:gd name="connsiteY5" fmla="*/ 379605 h 634729"/>
              <a:gd name="connsiteX6" fmla="*/ 653396 w 828408"/>
              <a:gd name="connsiteY6" fmla="*/ 370361 h 634729"/>
              <a:gd name="connsiteX7" fmla="*/ 702695 w 828408"/>
              <a:gd name="connsiteY7" fmla="*/ 361118 h 634729"/>
              <a:gd name="connsiteX8" fmla="*/ 790818 w 828408"/>
              <a:gd name="connsiteY8" fmla="*/ 398709 h 634729"/>
              <a:gd name="connsiteX9" fmla="*/ 828408 w 828408"/>
              <a:gd name="connsiteY9" fmla="*/ 490529 h 634729"/>
              <a:gd name="connsiteX10" fmla="*/ 782806 w 828408"/>
              <a:gd name="connsiteY10" fmla="*/ 592208 h 634729"/>
              <a:gd name="connsiteX11" fmla="*/ 669418 w 828408"/>
              <a:gd name="connsiteY11" fmla="*/ 634729 h 634729"/>
              <a:gd name="connsiteX12" fmla="*/ 520288 w 828408"/>
              <a:gd name="connsiteY12" fmla="*/ 563245 h 634729"/>
              <a:gd name="connsiteX13" fmla="*/ 453733 w 828408"/>
              <a:gd name="connsiteY13" fmla="*/ 387000 h 634729"/>
              <a:gd name="connsiteX14" fmla="*/ 535694 w 828408"/>
              <a:gd name="connsiteY14" fmla="*/ 157142 h 634729"/>
              <a:gd name="connsiteX15" fmla="*/ 772947 w 828408"/>
              <a:gd name="connsiteY15" fmla="*/ 0 h 634729"/>
              <a:gd name="connsiteX16" fmla="*/ 319214 w 828408"/>
              <a:gd name="connsiteY16" fmla="*/ 0 h 634729"/>
              <a:gd name="connsiteX17" fmla="*/ 319214 w 828408"/>
              <a:gd name="connsiteY17" fmla="*/ 50532 h 634729"/>
              <a:gd name="connsiteX18" fmla="*/ 163921 w 828408"/>
              <a:gd name="connsiteY18" fmla="*/ 168850 h 634729"/>
              <a:gd name="connsiteX19" fmla="*/ 117086 w 828408"/>
              <a:gd name="connsiteY19" fmla="*/ 303191 h 634729"/>
              <a:gd name="connsiteX20" fmla="*/ 129411 w 828408"/>
              <a:gd name="connsiteY20" fmla="*/ 362350 h 634729"/>
              <a:gd name="connsiteX21" fmla="*/ 156526 w 828408"/>
              <a:gd name="connsiteY21" fmla="*/ 379605 h 634729"/>
              <a:gd name="connsiteX22" fmla="*/ 199663 w 828408"/>
              <a:gd name="connsiteY22" fmla="*/ 370361 h 634729"/>
              <a:gd name="connsiteX23" fmla="*/ 248962 w 828408"/>
              <a:gd name="connsiteY23" fmla="*/ 361118 h 634729"/>
              <a:gd name="connsiteX24" fmla="*/ 337085 w 828408"/>
              <a:gd name="connsiteY24" fmla="*/ 398709 h 634729"/>
              <a:gd name="connsiteX25" fmla="*/ 374675 w 828408"/>
              <a:gd name="connsiteY25" fmla="*/ 490529 h 634729"/>
              <a:gd name="connsiteX26" fmla="*/ 329073 w 828408"/>
              <a:gd name="connsiteY26" fmla="*/ 592208 h 634729"/>
              <a:gd name="connsiteX27" fmla="*/ 215685 w 828408"/>
              <a:gd name="connsiteY27" fmla="*/ 634729 h 634729"/>
              <a:gd name="connsiteX28" fmla="*/ 66555 w 828408"/>
              <a:gd name="connsiteY28" fmla="*/ 563245 h 634729"/>
              <a:gd name="connsiteX29" fmla="*/ 0 w 828408"/>
              <a:gd name="connsiteY29" fmla="*/ 387000 h 634729"/>
              <a:gd name="connsiteX30" fmla="*/ 81961 w 828408"/>
              <a:gd name="connsiteY30" fmla="*/ 157142 h 634729"/>
              <a:gd name="connsiteX31" fmla="*/ 319214 w 828408"/>
              <a:gd name="connsiteY31" fmla="*/ 0 h 6347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828408" h="634729">
                <a:moveTo>
                  <a:pt x="772947" y="0"/>
                </a:moveTo>
                <a:lnTo>
                  <a:pt x="772947" y="50532"/>
                </a:lnTo>
                <a:cubicBezTo>
                  <a:pt x="700641" y="88328"/>
                  <a:pt x="648877" y="127768"/>
                  <a:pt x="617654" y="168850"/>
                </a:cubicBezTo>
                <a:cubicBezTo>
                  <a:pt x="586431" y="209933"/>
                  <a:pt x="570819" y="254713"/>
                  <a:pt x="570819" y="303191"/>
                </a:cubicBezTo>
                <a:cubicBezTo>
                  <a:pt x="570819" y="331949"/>
                  <a:pt x="574928" y="351669"/>
                  <a:pt x="583144" y="362350"/>
                </a:cubicBezTo>
                <a:cubicBezTo>
                  <a:pt x="590539" y="373854"/>
                  <a:pt x="599577" y="379605"/>
                  <a:pt x="610259" y="379605"/>
                </a:cubicBezTo>
                <a:cubicBezTo>
                  <a:pt x="620940" y="379605"/>
                  <a:pt x="635319" y="376524"/>
                  <a:pt x="653396" y="370361"/>
                </a:cubicBezTo>
                <a:cubicBezTo>
                  <a:pt x="671472" y="364199"/>
                  <a:pt x="687905" y="361118"/>
                  <a:pt x="702695" y="361118"/>
                </a:cubicBezTo>
                <a:cubicBezTo>
                  <a:pt x="736383" y="361118"/>
                  <a:pt x="765757" y="373648"/>
                  <a:pt x="790818" y="398709"/>
                </a:cubicBezTo>
                <a:cubicBezTo>
                  <a:pt x="815878" y="423769"/>
                  <a:pt x="828408" y="454376"/>
                  <a:pt x="828408" y="490529"/>
                </a:cubicBezTo>
                <a:cubicBezTo>
                  <a:pt x="828408" y="529968"/>
                  <a:pt x="813208" y="563861"/>
                  <a:pt x="782806" y="592208"/>
                </a:cubicBezTo>
                <a:cubicBezTo>
                  <a:pt x="752405" y="620555"/>
                  <a:pt x="714609" y="634729"/>
                  <a:pt x="669418" y="634729"/>
                </a:cubicBezTo>
                <a:cubicBezTo>
                  <a:pt x="614367" y="634729"/>
                  <a:pt x="564657" y="610901"/>
                  <a:pt x="520288" y="563245"/>
                </a:cubicBezTo>
                <a:cubicBezTo>
                  <a:pt x="475918" y="515589"/>
                  <a:pt x="453733" y="456841"/>
                  <a:pt x="453733" y="387000"/>
                </a:cubicBezTo>
                <a:cubicBezTo>
                  <a:pt x="453733" y="304834"/>
                  <a:pt x="481053" y="228215"/>
                  <a:pt x="535694" y="157142"/>
                </a:cubicBezTo>
                <a:cubicBezTo>
                  <a:pt x="590334" y="86069"/>
                  <a:pt x="669418" y="33688"/>
                  <a:pt x="772947" y="0"/>
                </a:cubicBezTo>
                <a:close/>
                <a:moveTo>
                  <a:pt x="319214" y="0"/>
                </a:moveTo>
                <a:lnTo>
                  <a:pt x="319214" y="50532"/>
                </a:lnTo>
                <a:cubicBezTo>
                  <a:pt x="246908" y="88328"/>
                  <a:pt x="195144" y="127768"/>
                  <a:pt x="163921" y="168850"/>
                </a:cubicBezTo>
                <a:cubicBezTo>
                  <a:pt x="132698" y="209933"/>
                  <a:pt x="117086" y="254713"/>
                  <a:pt x="117086" y="303191"/>
                </a:cubicBezTo>
                <a:cubicBezTo>
                  <a:pt x="117086" y="331949"/>
                  <a:pt x="121195" y="351669"/>
                  <a:pt x="129411" y="362350"/>
                </a:cubicBezTo>
                <a:cubicBezTo>
                  <a:pt x="136806" y="373854"/>
                  <a:pt x="145844" y="379605"/>
                  <a:pt x="156526" y="379605"/>
                </a:cubicBezTo>
                <a:cubicBezTo>
                  <a:pt x="167207" y="379605"/>
                  <a:pt x="181586" y="376524"/>
                  <a:pt x="199663" y="370361"/>
                </a:cubicBezTo>
                <a:cubicBezTo>
                  <a:pt x="217739" y="364199"/>
                  <a:pt x="234172" y="361118"/>
                  <a:pt x="248962" y="361118"/>
                </a:cubicBezTo>
                <a:cubicBezTo>
                  <a:pt x="282650" y="361118"/>
                  <a:pt x="312024" y="373648"/>
                  <a:pt x="337085" y="398709"/>
                </a:cubicBezTo>
                <a:cubicBezTo>
                  <a:pt x="362145" y="423769"/>
                  <a:pt x="374675" y="454376"/>
                  <a:pt x="374675" y="490529"/>
                </a:cubicBezTo>
                <a:cubicBezTo>
                  <a:pt x="374675" y="529968"/>
                  <a:pt x="359475" y="563861"/>
                  <a:pt x="329073" y="592208"/>
                </a:cubicBezTo>
                <a:cubicBezTo>
                  <a:pt x="298672" y="620555"/>
                  <a:pt x="260876" y="634729"/>
                  <a:pt x="215685" y="634729"/>
                </a:cubicBezTo>
                <a:cubicBezTo>
                  <a:pt x="160634" y="634729"/>
                  <a:pt x="110924" y="610901"/>
                  <a:pt x="66555" y="563245"/>
                </a:cubicBezTo>
                <a:cubicBezTo>
                  <a:pt x="22185" y="515589"/>
                  <a:pt x="0" y="456841"/>
                  <a:pt x="0" y="387000"/>
                </a:cubicBezTo>
                <a:cubicBezTo>
                  <a:pt x="0" y="304834"/>
                  <a:pt x="27320" y="228215"/>
                  <a:pt x="81961" y="157142"/>
                </a:cubicBezTo>
                <a:cubicBezTo>
                  <a:pt x="136601" y="86069"/>
                  <a:pt x="215685" y="33688"/>
                  <a:pt x="319214" y="0"/>
                </a:cubicBezTo>
                <a:close/>
              </a:path>
            </a:pathLst>
          </a:custGeom>
          <a:solidFill>
            <a:schemeClr val="bg1">
              <a:alpha val="92631"/>
            </a:schemeClr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70000"/>
              </a:lnSpc>
              <a:spcBef>
                <a:spcPct val="0"/>
              </a:spcBef>
            </a:pPr>
            <a:endParaRPr lang="en-US" sz="19900" cap="all" spc="200">
              <a:solidFill>
                <a:schemeClr val="accent3">
                  <a:lumMod val="60000"/>
                  <a:lumOff val="40000"/>
                  <a:alpha val="51000"/>
                </a:schemeClr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C43D0F9-D9A7-1DFC-34B6-C81535D1FE7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1713599"/>
            <a:ext cx="5018400" cy="4424399"/>
          </a:xfrm>
        </p:spPr>
        <p:txBody>
          <a:bodyPr>
            <a:noAutofit/>
          </a:bodyPr>
          <a:lstStyle>
            <a:lvl1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Quote</a:t>
            </a:r>
            <a:endParaRPr lang="en-GB" dirty="0"/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F1E71275-5CC0-6348-59EF-6E51946B9E5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94800" y="4618075"/>
            <a:ext cx="6097199" cy="1519200"/>
          </a:xfrm>
          <a:solidFill>
            <a:schemeClr val="bg1"/>
          </a:solidFill>
        </p:spPr>
        <p:txBody>
          <a:bodyPr lIns="360000" tIns="180000" rIns="360000" bIns="180000"/>
          <a:lstStyle>
            <a:lvl5pPr>
              <a:defRPr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  <a:endParaRPr lang="en-GB" dirty="0"/>
          </a:p>
        </p:txBody>
      </p:sp>
      <p:sp>
        <p:nvSpPr>
          <p:cNvPr id="6" name="Footers" descr="{&quot;templafy&quot;:{&quot;id&quot;:&quot;c5c0640c-3911-47bb-972f-bdb498c1ce17&quot;}}">
            <a:extLst>
              <a:ext uri="{FF2B5EF4-FFF2-40B4-BE49-F238E27FC236}">
                <a16:creationId xmlns:a16="http://schemas.microsoft.com/office/drawing/2014/main" id="{D09B7859-4BFA-0D77-C7FF-EF07F0410453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26460668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F76F6AE-16AC-0583-7B95-974948C87A5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519416"/>
            <a:ext cx="2534277" cy="4913784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70E6DDC2-540A-5800-73D7-E95E8BC5AAB0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539675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54DDE5B-1F2D-F372-3892-57D934C69F4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101138"/>
            <a:ext cx="2534277" cy="4913784"/>
          </a:xfrm>
          <a:prstGeom prst="rect">
            <a:avLst/>
          </a:prstGeom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565ECB4D-3B90-B975-5CC9-1D11DD4EF38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3" name="Picture Placeholder 9">
            <a:extLst>
              <a:ext uri="{FF2B5EF4-FFF2-40B4-BE49-F238E27FC236}">
                <a16:creationId xmlns:a16="http://schemas.microsoft.com/office/drawing/2014/main" id="{C74AAC9F-FD31-5ADB-B824-244A192375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5" name="Footers" descr="{&quot;templafy&quot;:{&quot;id&quot;:&quot;874bc06c-7765-4ff1-92b8-03e3be96956b&quot;}}">
            <a:extLst>
              <a:ext uri="{FF2B5EF4-FFF2-40B4-BE49-F238E27FC236}">
                <a16:creationId xmlns:a16="http://schemas.microsoft.com/office/drawing/2014/main" id="{E089BA30-0544-BB92-B27F-1E09FDA031B1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21696174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F85D50D-0CD8-D2EA-90C7-9BFF908C9B0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 b="24590"/>
          <a:stretch/>
        </p:blipFill>
        <p:spPr>
          <a:xfrm>
            <a:off x="339903" y="1412777"/>
            <a:ext cx="3724097" cy="5445224"/>
          </a:xfrm>
          <a:prstGeom prst="rect">
            <a:avLst/>
          </a:prstGeom>
        </p:spPr>
      </p:pic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868151" y="3463200"/>
            <a:ext cx="2667600" cy="26676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3F15F2C-F25B-7919-7155-CF3E6B955963}"/>
              </a:ext>
            </a:extLst>
          </p:cNvPr>
          <p:cNvSpPr/>
          <p:nvPr userDrawn="1"/>
        </p:nvSpPr>
        <p:spPr>
          <a:xfrm>
            <a:off x="3875404" y="2742753"/>
            <a:ext cx="2412998" cy="72008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39462A8-BA13-5816-CC98-AE8BB418785C}"/>
              </a:ext>
            </a:extLst>
          </p:cNvPr>
          <p:cNvSpPr/>
          <p:nvPr userDrawn="1"/>
        </p:nvSpPr>
        <p:spPr>
          <a:xfrm>
            <a:off x="6455926" y="2742753"/>
            <a:ext cx="2412998" cy="7200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621D1A5-EF12-E62C-AC4E-BE6CA3AB39B5}"/>
              </a:ext>
            </a:extLst>
          </p:cNvPr>
          <p:cNvSpPr/>
          <p:nvPr userDrawn="1"/>
        </p:nvSpPr>
        <p:spPr>
          <a:xfrm>
            <a:off x="9053513" y="2742753"/>
            <a:ext cx="2437413" cy="7200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5" name="Picture Placeholder 9">
            <a:extLst>
              <a:ext uri="{FF2B5EF4-FFF2-40B4-BE49-F238E27FC236}">
                <a16:creationId xmlns:a16="http://schemas.microsoft.com/office/drawing/2014/main" id="{309FF903-CC38-4C37-5750-8228E5B698D9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3875903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5AFC5333-4349-556A-AA4C-8264633D8826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456425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7" name="Picture Placeholder 9">
            <a:extLst>
              <a:ext uri="{FF2B5EF4-FFF2-40B4-BE49-F238E27FC236}">
                <a16:creationId xmlns:a16="http://schemas.microsoft.com/office/drawing/2014/main" id="{76FE539F-EA02-11A6-24A3-64094D6D449E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9066219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0812D6A1-9301-DA4C-0FE8-A2FA9AC562D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875903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1A5EDA48-C466-DD48-83BE-B58C6F8C2FE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456425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C7BD399E-3BDD-357D-3173-CEF24905CB9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9066219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D63E4F2-A49E-1CAC-AD88-6A5278BE8C8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0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15F6F11-90AC-E501-9C5A-58F94185AE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647225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61049E31-3DE3-F475-AAC8-ED15887EDCC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257019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23060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1" userDrawn="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545805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11D87860-7BDA-6ACF-8AD2-853F44125DA8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453733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57BB32CB-B29F-4116-9105-192016E0603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4218695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25, 2023</a:t>
            </a:fld>
            <a:endParaRPr lang="en-US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6EE0956-AB5F-AC03-EAB3-36441D88518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125433" y="1492098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17DACB36-D4E1-F498-4226-F130DA4F5BC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000364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2605CA00-36D2-E3AA-8BE8-1E472C3C45D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6672064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19561310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E9147874-D641-36E1-03C9-5414641E949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5210176" y="2034000"/>
            <a:ext cx="5608678" cy="3341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D1D222DE-C8E6-D25C-E6F2-0624A2B9EC69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10220325" y="3143249"/>
            <a:ext cx="1355726" cy="29368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AB84BED-AAA1-1FE1-26B0-C3711E7D650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980535" y="2869499"/>
            <a:ext cx="1876105" cy="3367813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3" name="Footers" descr="{&quot;templafy&quot;:{&quot;id&quot;:&quot;a5e5d22c-2cb3-4921-8c86-f7343122ca27&quot;}}">
            <a:extLst>
              <a:ext uri="{FF2B5EF4-FFF2-40B4-BE49-F238E27FC236}">
                <a16:creationId xmlns:a16="http://schemas.microsoft.com/office/drawing/2014/main" id="{2AA3E128-5B68-28FB-4891-492AE777546C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9287612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00650" y="2041524"/>
            <a:ext cx="5591175" cy="3343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344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35D7C6D-AFB7-4703-6ED0-E0A861DE56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1434325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3345689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33486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Picture Placeholder 9">
            <a:extLst>
              <a:ext uri="{FF2B5EF4-FFF2-40B4-BE49-F238E27FC236}">
                <a16:creationId xmlns:a16="http://schemas.microsoft.com/office/drawing/2014/main" id="{8D819A63-FF9D-A3D7-5D19-99428A5AB4F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14938" y="2034000"/>
            <a:ext cx="5572125" cy="334762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F39E2188-EF07-418A-877E-B5F25E893A6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Footers" descr="{&quot;templafy&quot;:{&quot;id&quot;:&quot;ee0f3b00-25a0-4135-9ca7-bb99b8f1b1cb&quot;}}">
            <a:extLst>
              <a:ext uri="{FF2B5EF4-FFF2-40B4-BE49-F238E27FC236}">
                <a16:creationId xmlns:a16="http://schemas.microsoft.com/office/drawing/2014/main" id="{E437CE73-48A8-6501-39C1-A1E43A2B9173}"/>
              </a:ext>
            </a:extLst>
          </p:cNvPr>
          <p:cNvSpPr/>
          <p:nvPr userDrawn="1"/>
        </p:nvSpPr>
        <p:spPr>
          <a:xfrm>
            <a:off x="6094802" y="6439469"/>
            <a:ext cx="5373298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32139860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>
            <a:extLst>
              <a:ext uri="{FF2B5EF4-FFF2-40B4-BE49-F238E27FC236}">
                <a16:creationId xmlns:a16="http://schemas.microsoft.com/office/drawing/2014/main" id="{F21E9437-E9FE-CAAE-4F68-75579172410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6612"/>
          <a:stretch/>
        </p:blipFill>
        <p:spPr>
          <a:xfrm>
            <a:off x="2597949" y="4554"/>
            <a:ext cx="9594051" cy="6848892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698F3588-281E-71E0-698D-DE2EFA5D7E6E}"/>
              </a:ext>
            </a:extLst>
          </p:cNvPr>
          <p:cNvSpPr/>
          <p:nvPr userDrawn="1"/>
        </p:nvSpPr>
        <p:spPr>
          <a:xfrm>
            <a:off x="0" y="1"/>
            <a:ext cx="3503778" cy="6858000"/>
          </a:xfrm>
          <a:prstGeom prst="rect">
            <a:avLst/>
          </a:prstGeom>
          <a:gradFill flip="none" rotWithShape="1">
            <a:gsLst>
              <a:gs pos="86000">
                <a:srgbClr val="1F538F"/>
              </a:gs>
              <a:gs pos="60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9" y="720000"/>
            <a:ext cx="2417761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24215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3DD438D-2CD1-72E2-C5C5-E3BE4E453233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127500" y="2048399"/>
            <a:ext cx="7082900" cy="2622025"/>
          </a:xfrm>
          <a:solidFill>
            <a:schemeClr val="bg1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8" name="Footers" descr="{&quot;templafy&quot;:{&quot;id&quot;:&quot;720807fd-72c3-49d9-99d5-ca9bdd56b132&quot;}}">
            <a:extLst>
              <a:ext uri="{FF2B5EF4-FFF2-40B4-BE49-F238E27FC236}">
                <a16:creationId xmlns:a16="http://schemas.microsoft.com/office/drawing/2014/main" id="{6D57E22F-014A-FDF5-8749-C999CC6D20AD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1698881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/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1273473-00D3-EA4E-9912-9AFB4C8BEFD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3638FD4C-1242-FA12-1AE1-9624BF414B2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791522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6122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2367BA-8F05-446D-84E4-1D4A251DEF07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651822" y="1628880"/>
            <a:ext cx="3751231" cy="4509120"/>
          </a:xfrm>
          <a:prstGeom prst="rect">
            <a:avLst/>
          </a:prstGeom>
          <a:effectLst>
            <a:outerShdw blurRad="193495" dist="146531" dir="3540000" sx="99000" sy="99000" algn="t" rotWithShape="0">
              <a:prstClr val="black">
                <a:alpha val="40000"/>
              </a:prstClr>
            </a:outerShdw>
          </a:effectLst>
        </p:spPr>
      </p:pic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8218A61B-6F4F-B694-869D-DF3F3E7BF0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28248" y="1627430"/>
            <a:ext cx="3074765" cy="4509225"/>
          </a:xfrm>
          <a:solidFill>
            <a:schemeClr val="bg1"/>
          </a:solidFill>
        </p:spPr>
        <p:txBody>
          <a:bodyPr tIns="648000" anchor="ctr" anchorCtr="1"/>
          <a:lstStyle/>
          <a:p>
            <a:r>
              <a:rPr lang="en-US" dirty="0"/>
              <a:t>Click icon to add pictur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752E313-28CB-8D27-CE72-0374CF6A9254}"/>
              </a:ext>
            </a:extLst>
          </p:cNvPr>
          <p:cNvSpPr/>
          <p:nvPr userDrawn="1"/>
        </p:nvSpPr>
        <p:spPr>
          <a:xfrm>
            <a:off x="8328248" y="1628155"/>
            <a:ext cx="725265" cy="4509120"/>
          </a:xfrm>
          <a:prstGeom prst="rect">
            <a:avLst/>
          </a:prstGeom>
          <a:gradFill flip="none" rotWithShape="1">
            <a:gsLst>
              <a:gs pos="0">
                <a:schemeClr val="accent4">
                  <a:lumMod val="5000"/>
                  <a:lumOff val="95000"/>
                  <a:alpha val="0"/>
                </a:schemeClr>
              </a:gs>
              <a:gs pos="63000">
                <a:schemeClr val="accent4">
                  <a:lumMod val="45000"/>
                  <a:lumOff val="55000"/>
                  <a:alpha val="66000"/>
                </a:schemeClr>
              </a:gs>
              <a:gs pos="100000">
                <a:schemeClr val="tx1">
                  <a:lumMod val="50000"/>
                  <a:lumOff val="50000"/>
                </a:schemeClr>
              </a:gs>
            </a:gsLst>
            <a:lin ang="108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7374355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Footer i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E71BF0-5156-4399-18F9-DC04A1A13E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Guides" hidden="1">
            <a:extLst>
              <a:ext uri="{FF2B5EF4-FFF2-40B4-BE49-F238E27FC236}">
                <a16:creationId xmlns:a16="http://schemas.microsoft.com/office/drawing/2014/main" id="{701F89E3-1860-5814-889C-8F8203A4F6D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133380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E71BF0-5156-4399-18F9-DC04A1A13E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Footers" descr="{&quot;templafy&quot;:{&quot;id&quot;:&quot;11023e81-84b6-40df-9a36-4ea12bd5531f&quot;}}">
            <a:extLst>
              <a:ext uri="{FF2B5EF4-FFF2-40B4-BE49-F238E27FC236}">
                <a16:creationId xmlns:a16="http://schemas.microsoft.com/office/drawing/2014/main" id="{AD7FCB85-6DF8-7133-9CEA-CE8EF93D41E2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29846390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Guides" hidden="1">
            <a:extLst>
              <a:ext uri="{FF2B5EF4-FFF2-40B4-BE49-F238E27FC236}">
                <a16:creationId xmlns:a16="http://schemas.microsoft.com/office/drawing/2014/main" id="{8CBDB7B0-4561-2F0F-FCA3-EB062B65853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702925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A">
    <p:bg>
      <p:bgPr>
        <a:gradFill>
          <a:gsLst>
            <a:gs pos="22000">
              <a:schemeClr val="bg1"/>
            </a:gs>
            <a:gs pos="100000">
              <a:schemeClr val="accent6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38615178-D3EF-0351-B14B-847E20DE72E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32226A66-5DC3-953F-2B42-68A9AAEE705B}"/>
              </a:ext>
            </a:extLst>
          </p:cNvPr>
          <p:cNvGrpSpPr/>
          <p:nvPr userDrawn="1"/>
        </p:nvGrpSpPr>
        <p:grpSpPr>
          <a:xfrm>
            <a:off x="4724397" y="3211027"/>
            <a:ext cx="2743202" cy="435946"/>
            <a:chOff x="728662" y="709353"/>
            <a:chExt cx="2743202" cy="435946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C344384E-4AF3-B4A4-F189-409E7C8A0413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86053"/>
            <a:stretch/>
          </p:blipFill>
          <p:spPr>
            <a:xfrm>
              <a:off x="728662" y="709353"/>
              <a:ext cx="381588" cy="435946"/>
            </a:xfrm>
            <a:prstGeom prst="rect">
              <a:avLst/>
            </a:prstGeom>
          </p:spPr>
        </p:pic>
        <p:sp>
          <p:nvSpPr>
            <p:cNvPr id="5" name="Freeform 33">
              <a:extLst>
                <a:ext uri="{FF2B5EF4-FFF2-40B4-BE49-F238E27FC236}">
                  <a16:creationId xmlns:a16="http://schemas.microsoft.com/office/drawing/2014/main" id="{0DE36B48-2DFA-C617-11D3-E6301B89EAC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222376" y="709353"/>
              <a:ext cx="2249488" cy="295275"/>
            </a:xfrm>
            <a:custGeom>
              <a:avLst/>
              <a:gdLst>
                <a:gd name="T0" fmla="*/ 3918 w 3977"/>
                <a:gd name="T1" fmla="*/ 318 h 515"/>
                <a:gd name="T2" fmla="*/ 3977 w 3977"/>
                <a:gd name="T3" fmla="*/ 433 h 515"/>
                <a:gd name="T4" fmla="*/ 3973 w 3977"/>
                <a:gd name="T5" fmla="*/ 332 h 515"/>
                <a:gd name="T6" fmla="*/ 3688 w 3977"/>
                <a:gd name="T7" fmla="*/ 493 h 515"/>
                <a:gd name="T8" fmla="*/ 3585 w 3977"/>
                <a:gd name="T9" fmla="*/ 308 h 515"/>
                <a:gd name="T10" fmla="*/ 3488 w 3977"/>
                <a:gd name="T11" fmla="*/ 507 h 515"/>
                <a:gd name="T12" fmla="*/ 3337 w 3977"/>
                <a:gd name="T13" fmla="*/ 235 h 515"/>
                <a:gd name="T14" fmla="*/ 3543 w 3977"/>
                <a:gd name="T15" fmla="*/ 212 h 515"/>
                <a:gd name="T16" fmla="*/ 3280 w 3977"/>
                <a:gd name="T17" fmla="*/ 99 h 515"/>
                <a:gd name="T18" fmla="*/ 3280 w 3977"/>
                <a:gd name="T19" fmla="*/ 99 h 515"/>
                <a:gd name="T20" fmla="*/ 3163 w 3977"/>
                <a:gd name="T21" fmla="*/ 507 h 515"/>
                <a:gd name="T22" fmla="*/ 3163 w 3977"/>
                <a:gd name="T23" fmla="*/ 221 h 515"/>
                <a:gd name="T24" fmla="*/ 2812 w 3977"/>
                <a:gd name="T25" fmla="*/ 99 h 515"/>
                <a:gd name="T26" fmla="*/ 2812 w 3977"/>
                <a:gd name="T27" fmla="*/ 99 h 515"/>
                <a:gd name="T28" fmla="*/ 2852 w 3977"/>
                <a:gd name="T29" fmla="*/ 507 h 515"/>
                <a:gd name="T30" fmla="*/ 2695 w 3977"/>
                <a:gd name="T31" fmla="*/ 235 h 515"/>
                <a:gd name="T32" fmla="*/ 2804 w 3977"/>
                <a:gd name="T33" fmla="*/ 453 h 515"/>
                <a:gd name="T34" fmla="*/ 2521 w 3977"/>
                <a:gd name="T35" fmla="*/ 494 h 515"/>
                <a:gd name="T36" fmla="*/ 2621 w 3977"/>
                <a:gd name="T37" fmla="*/ 451 h 515"/>
                <a:gd name="T38" fmla="*/ 2470 w 3977"/>
                <a:gd name="T39" fmla="*/ 212 h 515"/>
                <a:gd name="T40" fmla="*/ 2512 w 3977"/>
                <a:gd name="T41" fmla="*/ 9 h 515"/>
                <a:gd name="T42" fmla="*/ 2236 w 3977"/>
                <a:gd name="T43" fmla="*/ 318 h 515"/>
                <a:gd name="T44" fmla="*/ 2236 w 3977"/>
                <a:gd name="T45" fmla="*/ 318 h 515"/>
                <a:gd name="T46" fmla="*/ 2295 w 3977"/>
                <a:gd name="T47" fmla="*/ 454 h 515"/>
                <a:gd name="T48" fmla="*/ 2080 w 3977"/>
                <a:gd name="T49" fmla="*/ 332 h 515"/>
                <a:gd name="T50" fmla="*/ 1949 w 3977"/>
                <a:gd name="T51" fmla="*/ 414 h 515"/>
                <a:gd name="T52" fmla="*/ 1887 w 3977"/>
                <a:gd name="T53" fmla="*/ 423 h 515"/>
                <a:gd name="T54" fmla="*/ 1537 w 3977"/>
                <a:gd name="T55" fmla="*/ 124 h 515"/>
                <a:gd name="T56" fmla="*/ 1426 w 3977"/>
                <a:gd name="T57" fmla="*/ 507 h 515"/>
                <a:gd name="T58" fmla="*/ 1453 w 3977"/>
                <a:gd name="T59" fmla="*/ 44 h 515"/>
                <a:gd name="T60" fmla="*/ 1977 w 3977"/>
                <a:gd name="T61" fmla="*/ 57 h 515"/>
                <a:gd name="T62" fmla="*/ 1342 w 3977"/>
                <a:gd name="T63" fmla="*/ 507 h 515"/>
                <a:gd name="T64" fmla="*/ 1175 w 3977"/>
                <a:gd name="T65" fmla="*/ 242 h 515"/>
                <a:gd name="T66" fmla="*/ 991 w 3977"/>
                <a:gd name="T67" fmla="*/ 507 h 515"/>
                <a:gd name="T68" fmla="*/ 991 w 3977"/>
                <a:gd name="T69" fmla="*/ 221 h 515"/>
                <a:gd name="T70" fmla="*/ 1294 w 3977"/>
                <a:gd name="T71" fmla="*/ 315 h 515"/>
                <a:gd name="T72" fmla="*/ 978 w 3977"/>
                <a:gd name="T73" fmla="*/ 493 h 515"/>
                <a:gd name="T74" fmla="*/ 875 w 3977"/>
                <a:gd name="T75" fmla="*/ 308 h 515"/>
                <a:gd name="T76" fmla="*/ 778 w 3977"/>
                <a:gd name="T77" fmla="*/ 507 h 515"/>
                <a:gd name="T78" fmla="*/ 627 w 3977"/>
                <a:gd name="T79" fmla="*/ 235 h 515"/>
                <a:gd name="T80" fmla="*/ 833 w 3977"/>
                <a:gd name="T81" fmla="*/ 212 h 515"/>
                <a:gd name="T82" fmla="*/ 552 w 3977"/>
                <a:gd name="T83" fmla="*/ 318 h 515"/>
                <a:gd name="T84" fmla="*/ 396 w 3977"/>
                <a:gd name="T85" fmla="*/ 332 h 515"/>
                <a:gd name="T86" fmla="*/ 493 w 3977"/>
                <a:gd name="T87" fmla="*/ 515 h 515"/>
                <a:gd name="T88" fmla="*/ 396 w 3977"/>
                <a:gd name="T89" fmla="*/ 332 h 515"/>
                <a:gd name="T90" fmla="*/ 172 w 3977"/>
                <a:gd name="T91" fmla="*/ 61 h 515"/>
                <a:gd name="T92" fmla="*/ 114 w 3977"/>
                <a:gd name="T93" fmla="*/ 419 h 515"/>
                <a:gd name="T94" fmla="*/ 53 w 3977"/>
                <a:gd name="T95" fmla="*/ 421 h 515"/>
                <a:gd name="T96" fmla="*/ 349 w 3977"/>
                <a:gd name="T97" fmla="*/ 175 h 515"/>
                <a:gd name="T98" fmla="*/ 3135 w 3977"/>
                <a:gd name="T99" fmla="*/ 313 h 515"/>
                <a:gd name="T100" fmla="*/ 3036 w 3977"/>
                <a:gd name="T101" fmla="*/ 491 h 515"/>
                <a:gd name="T102" fmla="*/ 3021 w 3977"/>
                <a:gd name="T103" fmla="*/ 212 h 5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</a:cxnLst>
              <a:rect l="0" t="0" r="r" b="b"/>
              <a:pathLst>
                <a:path w="3977" h="515">
                  <a:moveTo>
                    <a:pt x="3918" y="318"/>
                  </a:moveTo>
                  <a:lnTo>
                    <a:pt x="3918" y="318"/>
                  </a:lnTo>
                  <a:cubicBezTo>
                    <a:pt x="3921" y="255"/>
                    <a:pt x="3878" y="229"/>
                    <a:pt x="3842" y="229"/>
                  </a:cubicBezTo>
                  <a:cubicBezTo>
                    <a:pt x="3794" y="229"/>
                    <a:pt x="3766" y="265"/>
                    <a:pt x="3762" y="318"/>
                  </a:cubicBezTo>
                  <a:lnTo>
                    <a:pt x="3918" y="318"/>
                  </a:lnTo>
                  <a:lnTo>
                    <a:pt x="3918" y="318"/>
                  </a:lnTo>
                  <a:close/>
                  <a:moveTo>
                    <a:pt x="3762" y="332"/>
                  </a:moveTo>
                  <a:lnTo>
                    <a:pt x="3762" y="332"/>
                  </a:lnTo>
                  <a:cubicBezTo>
                    <a:pt x="3761" y="461"/>
                    <a:pt x="3838" y="493"/>
                    <a:pt x="3876" y="493"/>
                  </a:cubicBezTo>
                  <a:cubicBezTo>
                    <a:pt x="3916" y="493"/>
                    <a:pt x="3936" y="479"/>
                    <a:pt x="3977" y="433"/>
                  </a:cubicBezTo>
                  <a:lnTo>
                    <a:pt x="3977" y="454"/>
                  </a:lnTo>
                  <a:cubicBezTo>
                    <a:pt x="3943" y="498"/>
                    <a:pt x="3909" y="515"/>
                    <a:pt x="3859" y="515"/>
                  </a:cubicBezTo>
                  <a:cubicBezTo>
                    <a:pt x="3770" y="515"/>
                    <a:pt x="3705" y="453"/>
                    <a:pt x="3705" y="367"/>
                  </a:cubicBezTo>
                  <a:cubicBezTo>
                    <a:pt x="3705" y="280"/>
                    <a:pt x="3768" y="212"/>
                    <a:pt x="3849" y="212"/>
                  </a:cubicBezTo>
                  <a:cubicBezTo>
                    <a:pt x="3915" y="212"/>
                    <a:pt x="3977" y="266"/>
                    <a:pt x="3973" y="332"/>
                  </a:cubicBezTo>
                  <a:lnTo>
                    <a:pt x="3762" y="332"/>
                  </a:lnTo>
                  <a:lnTo>
                    <a:pt x="3762" y="332"/>
                  </a:lnTo>
                  <a:close/>
                  <a:moveTo>
                    <a:pt x="3640" y="444"/>
                  </a:moveTo>
                  <a:lnTo>
                    <a:pt x="3640" y="444"/>
                  </a:lnTo>
                  <a:cubicBezTo>
                    <a:pt x="3640" y="482"/>
                    <a:pt x="3648" y="493"/>
                    <a:pt x="3688" y="493"/>
                  </a:cubicBezTo>
                  <a:lnTo>
                    <a:pt x="3688" y="507"/>
                  </a:lnTo>
                  <a:lnTo>
                    <a:pt x="3536" y="507"/>
                  </a:lnTo>
                  <a:lnTo>
                    <a:pt x="3536" y="493"/>
                  </a:lnTo>
                  <a:cubicBezTo>
                    <a:pt x="3574" y="493"/>
                    <a:pt x="3585" y="484"/>
                    <a:pt x="3585" y="457"/>
                  </a:cubicBezTo>
                  <a:lnTo>
                    <a:pt x="3585" y="308"/>
                  </a:lnTo>
                  <a:cubicBezTo>
                    <a:pt x="3585" y="262"/>
                    <a:pt x="3552" y="242"/>
                    <a:pt x="3521" y="242"/>
                  </a:cubicBezTo>
                  <a:cubicBezTo>
                    <a:pt x="3493" y="242"/>
                    <a:pt x="3468" y="260"/>
                    <a:pt x="3439" y="298"/>
                  </a:cubicBezTo>
                  <a:lnTo>
                    <a:pt x="3439" y="438"/>
                  </a:lnTo>
                  <a:cubicBezTo>
                    <a:pt x="3439" y="482"/>
                    <a:pt x="3445" y="493"/>
                    <a:pt x="3488" y="493"/>
                  </a:cubicBezTo>
                  <a:lnTo>
                    <a:pt x="3488" y="507"/>
                  </a:lnTo>
                  <a:lnTo>
                    <a:pt x="3337" y="507"/>
                  </a:lnTo>
                  <a:lnTo>
                    <a:pt x="3337" y="493"/>
                  </a:lnTo>
                  <a:cubicBezTo>
                    <a:pt x="3375" y="493"/>
                    <a:pt x="3385" y="490"/>
                    <a:pt x="3385" y="438"/>
                  </a:cubicBezTo>
                  <a:lnTo>
                    <a:pt x="3385" y="277"/>
                  </a:lnTo>
                  <a:cubicBezTo>
                    <a:pt x="3385" y="242"/>
                    <a:pt x="3376" y="235"/>
                    <a:pt x="3337" y="235"/>
                  </a:cubicBezTo>
                  <a:lnTo>
                    <a:pt x="3337" y="221"/>
                  </a:lnTo>
                  <a:lnTo>
                    <a:pt x="3426" y="212"/>
                  </a:lnTo>
                  <a:lnTo>
                    <a:pt x="3439" y="212"/>
                  </a:lnTo>
                  <a:lnTo>
                    <a:pt x="3439" y="270"/>
                  </a:lnTo>
                  <a:cubicBezTo>
                    <a:pt x="3473" y="231"/>
                    <a:pt x="3507" y="212"/>
                    <a:pt x="3543" y="212"/>
                  </a:cubicBezTo>
                  <a:cubicBezTo>
                    <a:pt x="3591" y="212"/>
                    <a:pt x="3640" y="246"/>
                    <a:pt x="3640" y="315"/>
                  </a:cubicBezTo>
                  <a:lnTo>
                    <a:pt x="3640" y="444"/>
                  </a:lnTo>
                  <a:lnTo>
                    <a:pt x="3640" y="444"/>
                  </a:lnTo>
                  <a:close/>
                  <a:moveTo>
                    <a:pt x="3280" y="99"/>
                  </a:moveTo>
                  <a:lnTo>
                    <a:pt x="3280" y="99"/>
                  </a:lnTo>
                  <a:cubicBezTo>
                    <a:pt x="3280" y="119"/>
                    <a:pt x="3265" y="135"/>
                    <a:pt x="3245" y="135"/>
                  </a:cubicBezTo>
                  <a:cubicBezTo>
                    <a:pt x="3226" y="135"/>
                    <a:pt x="3210" y="119"/>
                    <a:pt x="3210" y="99"/>
                  </a:cubicBezTo>
                  <a:cubicBezTo>
                    <a:pt x="3210" y="80"/>
                    <a:pt x="3226" y="65"/>
                    <a:pt x="3245" y="65"/>
                  </a:cubicBezTo>
                  <a:cubicBezTo>
                    <a:pt x="3265" y="65"/>
                    <a:pt x="3280" y="80"/>
                    <a:pt x="3280" y="99"/>
                  </a:cubicBezTo>
                  <a:lnTo>
                    <a:pt x="3280" y="99"/>
                  </a:lnTo>
                  <a:close/>
                  <a:moveTo>
                    <a:pt x="3272" y="453"/>
                  </a:moveTo>
                  <a:lnTo>
                    <a:pt x="3272" y="453"/>
                  </a:lnTo>
                  <a:cubicBezTo>
                    <a:pt x="3272" y="482"/>
                    <a:pt x="3279" y="493"/>
                    <a:pt x="3320" y="493"/>
                  </a:cubicBezTo>
                  <a:lnTo>
                    <a:pt x="3320" y="507"/>
                  </a:lnTo>
                  <a:lnTo>
                    <a:pt x="3163" y="507"/>
                  </a:lnTo>
                  <a:lnTo>
                    <a:pt x="3163" y="493"/>
                  </a:lnTo>
                  <a:cubicBezTo>
                    <a:pt x="3207" y="493"/>
                    <a:pt x="3217" y="487"/>
                    <a:pt x="3217" y="453"/>
                  </a:cubicBezTo>
                  <a:lnTo>
                    <a:pt x="3217" y="278"/>
                  </a:lnTo>
                  <a:cubicBezTo>
                    <a:pt x="3217" y="238"/>
                    <a:pt x="3205" y="235"/>
                    <a:pt x="3163" y="235"/>
                  </a:cubicBezTo>
                  <a:lnTo>
                    <a:pt x="3163" y="221"/>
                  </a:lnTo>
                  <a:lnTo>
                    <a:pt x="3258" y="212"/>
                  </a:lnTo>
                  <a:lnTo>
                    <a:pt x="3272" y="212"/>
                  </a:lnTo>
                  <a:lnTo>
                    <a:pt x="3272" y="453"/>
                  </a:lnTo>
                  <a:lnTo>
                    <a:pt x="3272" y="453"/>
                  </a:lnTo>
                  <a:close/>
                  <a:moveTo>
                    <a:pt x="2812" y="99"/>
                  </a:moveTo>
                  <a:lnTo>
                    <a:pt x="2812" y="99"/>
                  </a:lnTo>
                  <a:cubicBezTo>
                    <a:pt x="2812" y="119"/>
                    <a:pt x="2797" y="135"/>
                    <a:pt x="2778" y="135"/>
                  </a:cubicBezTo>
                  <a:cubicBezTo>
                    <a:pt x="2758" y="135"/>
                    <a:pt x="2742" y="119"/>
                    <a:pt x="2742" y="99"/>
                  </a:cubicBezTo>
                  <a:cubicBezTo>
                    <a:pt x="2742" y="80"/>
                    <a:pt x="2758" y="65"/>
                    <a:pt x="2778" y="65"/>
                  </a:cubicBezTo>
                  <a:cubicBezTo>
                    <a:pt x="2797" y="65"/>
                    <a:pt x="2812" y="80"/>
                    <a:pt x="2812" y="99"/>
                  </a:cubicBezTo>
                  <a:lnTo>
                    <a:pt x="2812" y="99"/>
                  </a:lnTo>
                  <a:close/>
                  <a:moveTo>
                    <a:pt x="2804" y="453"/>
                  </a:moveTo>
                  <a:lnTo>
                    <a:pt x="2804" y="453"/>
                  </a:lnTo>
                  <a:cubicBezTo>
                    <a:pt x="2804" y="482"/>
                    <a:pt x="2811" y="493"/>
                    <a:pt x="2852" y="493"/>
                  </a:cubicBezTo>
                  <a:lnTo>
                    <a:pt x="2852" y="507"/>
                  </a:lnTo>
                  <a:lnTo>
                    <a:pt x="2695" y="507"/>
                  </a:lnTo>
                  <a:lnTo>
                    <a:pt x="2695" y="493"/>
                  </a:lnTo>
                  <a:cubicBezTo>
                    <a:pt x="2739" y="493"/>
                    <a:pt x="2749" y="487"/>
                    <a:pt x="2749" y="453"/>
                  </a:cubicBezTo>
                  <a:lnTo>
                    <a:pt x="2749" y="278"/>
                  </a:lnTo>
                  <a:cubicBezTo>
                    <a:pt x="2749" y="238"/>
                    <a:pt x="2737" y="235"/>
                    <a:pt x="2695" y="235"/>
                  </a:cubicBezTo>
                  <a:lnTo>
                    <a:pt x="2695" y="221"/>
                  </a:lnTo>
                  <a:lnTo>
                    <a:pt x="2790" y="212"/>
                  </a:lnTo>
                  <a:lnTo>
                    <a:pt x="2804" y="212"/>
                  </a:lnTo>
                  <a:lnTo>
                    <a:pt x="2804" y="453"/>
                  </a:lnTo>
                  <a:lnTo>
                    <a:pt x="2804" y="453"/>
                  </a:lnTo>
                  <a:close/>
                  <a:moveTo>
                    <a:pt x="2566" y="278"/>
                  </a:moveTo>
                  <a:lnTo>
                    <a:pt x="2566" y="278"/>
                  </a:lnTo>
                  <a:cubicBezTo>
                    <a:pt x="2543" y="247"/>
                    <a:pt x="2512" y="229"/>
                    <a:pt x="2483" y="229"/>
                  </a:cubicBezTo>
                  <a:cubicBezTo>
                    <a:pt x="2431" y="229"/>
                    <a:pt x="2395" y="276"/>
                    <a:pt x="2395" y="346"/>
                  </a:cubicBezTo>
                  <a:cubicBezTo>
                    <a:pt x="2395" y="414"/>
                    <a:pt x="2427" y="494"/>
                    <a:pt x="2521" y="494"/>
                  </a:cubicBezTo>
                  <a:cubicBezTo>
                    <a:pt x="2553" y="494"/>
                    <a:pt x="2566" y="481"/>
                    <a:pt x="2566" y="450"/>
                  </a:cubicBezTo>
                  <a:lnTo>
                    <a:pt x="2566" y="278"/>
                  </a:lnTo>
                  <a:lnTo>
                    <a:pt x="2566" y="278"/>
                  </a:lnTo>
                  <a:close/>
                  <a:moveTo>
                    <a:pt x="2621" y="451"/>
                  </a:moveTo>
                  <a:lnTo>
                    <a:pt x="2621" y="451"/>
                  </a:lnTo>
                  <a:cubicBezTo>
                    <a:pt x="2621" y="482"/>
                    <a:pt x="2632" y="493"/>
                    <a:pt x="2669" y="493"/>
                  </a:cubicBezTo>
                  <a:lnTo>
                    <a:pt x="2669" y="507"/>
                  </a:lnTo>
                  <a:lnTo>
                    <a:pt x="2502" y="507"/>
                  </a:lnTo>
                  <a:cubicBezTo>
                    <a:pt x="2381" y="507"/>
                    <a:pt x="2336" y="425"/>
                    <a:pt x="2336" y="358"/>
                  </a:cubicBezTo>
                  <a:cubicBezTo>
                    <a:pt x="2336" y="277"/>
                    <a:pt x="2395" y="212"/>
                    <a:pt x="2470" y="212"/>
                  </a:cubicBezTo>
                  <a:cubicBezTo>
                    <a:pt x="2500" y="212"/>
                    <a:pt x="2530" y="223"/>
                    <a:pt x="2566" y="247"/>
                  </a:cubicBezTo>
                  <a:lnTo>
                    <a:pt x="2566" y="72"/>
                  </a:lnTo>
                  <a:cubicBezTo>
                    <a:pt x="2566" y="31"/>
                    <a:pt x="2556" y="23"/>
                    <a:pt x="2528" y="23"/>
                  </a:cubicBezTo>
                  <a:lnTo>
                    <a:pt x="2512" y="23"/>
                  </a:lnTo>
                  <a:lnTo>
                    <a:pt x="2512" y="9"/>
                  </a:lnTo>
                  <a:lnTo>
                    <a:pt x="2607" y="0"/>
                  </a:lnTo>
                  <a:lnTo>
                    <a:pt x="2621" y="0"/>
                  </a:lnTo>
                  <a:lnTo>
                    <a:pt x="2621" y="451"/>
                  </a:lnTo>
                  <a:lnTo>
                    <a:pt x="2621" y="451"/>
                  </a:lnTo>
                  <a:close/>
                  <a:moveTo>
                    <a:pt x="2236" y="318"/>
                  </a:moveTo>
                  <a:lnTo>
                    <a:pt x="2236" y="318"/>
                  </a:lnTo>
                  <a:cubicBezTo>
                    <a:pt x="2239" y="255"/>
                    <a:pt x="2196" y="229"/>
                    <a:pt x="2159" y="229"/>
                  </a:cubicBezTo>
                  <a:cubicBezTo>
                    <a:pt x="2112" y="229"/>
                    <a:pt x="2083" y="265"/>
                    <a:pt x="2080" y="318"/>
                  </a:cubicBezTo>
                  <a:lnTo>
                    <a:pt x="2236" y="318"/>
                  </a:lnTo>
                  <a:lnTo>
                    <a:pt x="2236" y="318"/>
                  </a:lnTo>
                  <a:close/>
                  <a:moveTo>
                    <a:pt x="2080" y="332"/>
                  </a:moveTo>
                  <a:lnTo>
                    <a:pt x="2080" y="332"/>
                  </a:lnTo>
                  <a:cubicBezTo>
                    <a:pt x="2079" y="461"/>
                    <a:pt x="2155" y="493"/>
                    <a:pt x="2194" y="493"/>
                  </a:cubicBezTo>
                  <a:cubicBezTo>
                    <a:pt x="2234" y="493"/>
                    <a:pt x="2254" y="479"/>
                    <a:pt x="2295" y="433"/>
                  </a:cubicBezTo>
                  <a:lnTo>
                    <a:pt x="2295" y="454"/>
                  </a:lnTo>
                  <a:cubicBezTo>
                    <a:pt x="2260" y="498"/>
                    <a:pt x="2227" y="515"/>
                    <a:pt x="2177" y="515"/>
                  </a:cubicBezTo>
                  <a:cubicBezTo>
                    <a:pt x="2088" y="515"/>
                    <a:pt x="2023" y="453"/>
                    <a:pt x="2023" y="367"/>
                  </a:cubicBezTo>
                  <a:cubicBezTo>
                    <a:pt x="2023" y="280"/>
                    <a:pt x="2086" y="212"/>
                    <a:pt x="2167" y="212"/>
                  </a:cubicBezTo>
                  <a:cubicBezTo>
                    <a:pt x="2233" y="212"/>
                    <a:pt x="2294" y="266"/>
                    <a:pt x="2290" y="332"/>
                  </a:cubicBezTo>
                  <a:lnTo>
                    <a:pt x="2080" y="332"/>
                  </a:lnTo>
                  <a:lnTo>
                    <a:pt x="2080" y="332"/>
                  </a:lnTo>
                  <a:close/>
                  <a:moveTo>
                    <a:pt x="1977" y="57"/>
                  </a:moveTo>
                  <a:lnTo>
                    <a:pt x="1977" y="57"/>
                  </a:lnTo>
                  <a:cubicBezTo>
                    <a:pt x="1937" y="58"/>
                    <a:pt x="1922" y="86"/>
                    <a:pt x="1925" y="129"/>
                  </a:cubicBezTo>
                  <a:lnTo>
                    <a:pt x="1949" y="414"/>
                  </a:lnTo>
                  <a:cubicBezTo>
                    <a:pt x="1954" y="471"/>
                    <a:pt x="1963" y="489"/>
                    <a:pt x="2006" y="493"/>
                  </a:cubicBezTo>
                  <a:lnTo>
                    <a:pt x="2006" y="507"/>
                  </a:lnTo>
                  <a:lnTo>
                    <a:pt x="1840" y="507"/>
                  </a:lnTo>
                  <a:lnTo>
                    <a:pt x="1840" y="493"/>
                  </a:lnTo>
                  <a:cubicBezTo>
                    <a:pt x="1878" y="486"/>
                    <a:pt x="1890" y="469"/>
                    <a:pt x="1887" y="423"/>
                  </a:cubicBezTo>
                  <a:lnTo>
                    <a:pt x="1865" y="124"/>
                  </a:lnTo>
                  <a:lnTo>
                    <a:pt x="1863" y="124"/>
                  </a:lnTo>
                  <a:lnTo>
                    <a:pt x="1705" y="507"/>
                  </a:lnTo>
                  <a:lnTo>
                    <a:pt x="1693" y="507"/>
                  </a:lnTo>
                  <a:lnTo>
                    <a:pt x="1537" y="124"/>
                  </a:lnTo>
                  <a:lnTo>
                    <a:pt x="1536" y="124"/>
                  </a:lnTo>
                  <a:lnTo>
                    <a:pt x="1510" y="410"/>
                  </a:lnTo>
                  <a:cubicBezTo>
                    <a:pt x="1506" y="456"/>
                    <a:pt x="1523" y="484"/>
                    <a:pt x="1570" y="493"/>
                  </a:cubicBezTo>
                  <a:lnTo>
                    <a:pt x="1570" y="507"/>
                  </a:lnTo>
                  <a:lnTo>
                    <a:pt x="1426" y="507"/>
                  </a:lnTo>
                  <a:lnTo>
                    <a:pt x="1426" y="493"/>
                  </a:lnTo>
                  <a:cubicBezTo>
                    <a:pt x="1473" y="486"/>
                    <a:pt x="1480" y="459"/>
                    <a:pt x="1485" y="408"/>
                  </a:cubicBezTo>
                  <a:lnTo>
                    <a:pt x="1513" y="90"/>
                  </a:lnTo>
                  <a:cubicBezTo>
                    <a:pt x="1495" y="70"/>
                    <a:pt x="1479" y="61"/>
                    <a:pt x="1453" y="57"/>
                  </a:cubicBezTo>
                  <a:lnTo>
                    <a:pt x="1453" y="44"/>
                  </a:lnTo>
                  <a:lnTo>
                    <a:pt x="1570" y="44"/>
                  </a:lnTo>
                  <a:lnTo>
                    <a:pt x="1718" y="408"/>
                  </a:lnTo>
                  <a:lnTo>
                    <a:pt x="1868" y="44"/>
                  </a:lnTo>
                  <a:lnTo>
                    <a:pt x="1977" y="44"/>
                  </a:lnTo>
                  <a:lnTo>
                    <a:pt x="1977" y="57"/>
                  </a:lnTo>
                  <a:lnTo>
                    <a:pt x="1977" y="57"/>
                  </a:lnTo>
                  <a:close/>
                  <a:moveTo>
                    <a:pt x="1294" y="444"/>
                  </a:moveTo>
                  <a:lnTo>
                    <a:pt x="1294" y="444"/>
                  </a:lnTo>
                  <a:cubicBezTo>
                    <a:pt x="1294" y="482"/>
                    <a:pt x="1302" y="493"/>
                    <a:pt x="1342" y="493"/>
                  </a:cubicBezTo>
                  <a:lnTo>
                    <a:pt x="1342" y="507"/>
                  </a:lnTo>
                  <a:lnTo>
                    <a:pt x="1190" y="507"/>
                  </a:lnTo>
                  <a:lnTo>
                    <a:pt x="1190" y="493"/>
                  </a:lnTo>
                  <a:cubicBezTo>
                    <a:pt x="1228" y="493"/>
                    <a:pt x="1239" y="484"/>
                    <a:pt x="1239" y="457"/>
                  </a:cubicBezTo>
                  <a:lnTo>
                    <a:pt x="1239" y="308"/>
                  </a:lnTo>
                  <a:cubicBezTo>
                    <a:pt x="1239" y="262"/>
                    <a:pt x="1206" y="242"/>
                    <a:pt x="1175" y="242"/>
                  </a:cubicBezTo>
                  <a:cubicBezTo>
                    <a:pt x="1147" y="242"/>
                    <a:pt x="1122" y="260"/>
                    <a:pt x="1093" y="298"/>
                  </a:cubicBezTo>
                  <a:lnTo>
                    <a:pt x="1093" y="438"/>
                  </a:lnTo>
                  <a:cubicBezTo>
                    <a:pt x="1093" y="482"/>
                    <a:pt x="1099" y="493"/>
                    <a:pt x="1142" y="493"/>
                  </a:cubicBezTo>
                  <a:lnTo>
                    <a:pt x="1142" y="507"/>
                  </a:lnTo>
                  <a:lnTo>
                    <a:pt x="991" y="507"/>
                  </a:lnTo>
                  <a:lnTo>
                    <a:pt x="991" y="493"/>
                  </a:lnTo>
                  <a:cubicBezTo>
                    <a:pt x="1029" y="493"/>
                    <a:pt x="1039" y="490"/>
                    <a:pt x="1039" y="438"/>
                  </a:cubicBezTo>
                  <a:lnTo>
                    <a:pt x="1039" y="277"/>
                  </a:lnTo>
                  <a:cubicBezTo>
                    <a:pt x="1039" y="242"/>
                    <a:pt x="1030" y="235"/>
                    <a:pt x="991" y="235"/>
                  </a:cubicBezTo>
                  <a:lnTo>
                    <a:pt x="991" y="221"/>
                  </a:lnTo>
                  <a:lnTo>
                    <a:pt x="1080" y="212"/>
                  </a:lnTo>
                  <a:lnTo>
                    <a:pt x="1093" y="212"/>
                  </a:lnTo>
                  <a:lnTo>
                    <a:pt x="1093" y="270"/>
                  </a:lnTo>
                  <a:cubicBezTo>
                    <a:pt x="1127" y="231"/>
                    <a:pt x="1161" y="212"/>
                    <a:pt x="1197" y="212"/>
                  </a:cubicBezTo>
                  <a:cubicBezTo>
                    <a:pt x="1245" y="212"/>
                    <a:pt x="1294" y="246"/>
                    <a:pt x="1294" y="315"/>
                  </a:cubicBezTo>
                  <a:lnTo>
                    <a:pt x="1294" y="444"/>
                  </a:lnTo>
                  <a:lnTo>
                    <a:pt x="1294" y="444"/>
                  </a:lnTo>
                  <a:close/>
                  <a:moveTo>
                    <a:pt x="930" y="444"/>
                  </a:moveTo>
                  <a:lnTo>
                    <a:pt x="930" y="444"/>
                  </a:lnTo>
                  <a:cubicBezTo>
                    <a:pt x="930" y="482"/>
                    <a:pt x="938" y="493"/>
                    <a:pt x="978" y="493"/>
                  </a:cubicBezTo>
                  <a:lnTo>
                    <a:pt x="978" y="507"/>
                  </a:lnTo>
                  <a:lnTo>
                    <a:pt x="826" y="507"/>
                  </a:lnTo>
                  <a:lnTo>
                    <a:pt x="826" y="493"/>
                  </a:lnTo>
                  <a:cubicBezTo>
                    <a:pt x="864" y="493"/>
                    <a:pt x="875" y="484"/>
                    <a:pt x="875" y="457"/>
                  </a:cubicBezTo>
                  <a:lnTo>
                    <a:pt x="875" y="308"/>
                  </a:lnTo>
                  <a:cubicBezTo>
                    <a:pt x="875" y="262"/>
                    <a:pt x="842" y="242"/>
                    <a:pt x="811" y="242"/>
                  </a:cubicBezTo>
                  <a:cubicBezTo>
                    <a:pt x="783" y="242"/>
                    <a:pt x="758" y="260"/>
                    <a:pt x="730" y="298"/>
                  </a:cubicBezTo>
                  <a:lnTo>
                    <a:pt x="730" y="438"/>
                  </a:lnTo>
                  <a:cubicBezTo>
                    <a:pt x="730" y="482"/>
                    <a:pt x="735" y="493"/>
                    <a:pt x="778" y="493"/>
                  </a:cubicBezTo>
                  <a:lnTo>
                    <a:pt x="778" y="507"/>
                  </a:lnTo>
                  <a:lnTo>
                    <a:pt x="627" y="507"/>
                  </a:lnTo>
                  <a:lnTo>
                    <a:pt x="627" y="493"/>
                  </a:lnTo>
                  <a:cubicBezTo>
                    <a:pt x="665" y="493"/>
                    <a:pt x="675" y="490"/>
                    <a:pt x="675" y="438"/>
                  </a:cubicBezTo>
                  <a:lnTo>
                    <a:pt x="675" y="277"/>
                  </a:lnTo>
                  <a:cubicBezTo>
                    <a:pt x="675" y="242"/>
                    <a:pt x="666" y="235"/>
                    <a:pt x="627" y="235"/>
                  </a:cubicBezTo>
                  <a:lnTo>
                    <a:pt x="627" y="221"/>
                  </a:lnTo>
                  <a:lnTo>
                    <a:pt x="716" y="212"/>
                  </a:lnTo>
                  <a:lnTo>
                    <a:pt x="730" y="212"/>
                  </a:lnTo>
                  <a:lnTo>
                    <a:pt x="730" y="270"/>
                  </a:lnTo>
                  <a:cubicBezTo>
                    <a:pt x="763" y="231"/>
                    <a:pt x="797" y="212"/>
                    <a:pt x="833" y="212"/>
                  </a:cubicBezTo>
                  <a:cubicBezTo>
                    <a:pt x="881" y="212"/>
                    <a:pt x="930" y="246"/>
                    <a:pt x="930" y="315"/>
                  </a:cubicBezTo>
                  <a:lnTo>
                    <a:pt x="930" y="444"/>
                  </a:lnTo>
                  <a:lnTo>
                    <a:pt x="930" y="444"/>
                  </a:lnTo>
                  <a:close/>
                  <a:moveTo>
                    <a:pt x="552" y="318"/>
                  </a:moveTo>
                  <a:lnTo>
                    <a:pt x="552" y="318"/>
                  </a:lnTo>
                  <a:cubicBezTo>
                    <a:pt x="555" y="255"/>
                    <a:pt x="512" y="229"/>
                    <a:pt x="475" y="229"/>
                  </a:cubicBezTo>
                  <a:cubicBezTo>
                    <a:pt x="428" y="229"/>
                    <a:pt x="399" y="265"/>
                    <a:pt x="396" y="318"/>
                  </a:cubicBezTo>
                  <a:lnTo>
                    <a:pt x="552" y="318"/>
                  </a:lnTo>
                  <a:lnTo>
                    <a:pt x="552" y="318"/>
                  </a:lnTo>
                  <a:close/>
                  <a:moveTo>
                    <a:pt x="396" y="332"/>
                  </a:moveTo>
                  <a:lnTo>
                    <a:pt x="396" y="332"/>
                  </a:lnTo>
                  <a:cubicBezTo>
                    <a:pt x="395" y="461"/>
                    <a:pt x="471" y="493"/>
                    <a:pt x="510" y="493"/>
                  </a:cubicBezTo>
                  <a:cubicBezTo>
                    <a:pt x="550" y="493"/>
                    <a:pt x="570" y="479"/>
                    <a:pt x="611" y="433"/>
                  </a:cubicBezTo>
                  <a:lnTo>
                    <a:pt x="611" y="454"/>
                  </a:lnTo>
                  <a:cubicBezTo>
                    <a:pt x="576" y="498"/>
                    <a:pt x="543" y="515"/>
                    <a:pt x="493" y="515"/>
                  </a:cubicBezTo>
                  <a:cubicBezTo>
                    <a:pt x="403" y="515"/>
                    <a:pt x="339" y="453"/>
                    <a:pt x="339" y="367"/>
                  </a:cubicBezTo>
                  <a:cubicBezTo>
                    <a:pt x="339" y="280"/>
                    <a:pt x="402" y="212"/>
                    <a:pt x="483" y="212"/>
                  </a:cubicBezTo>
                  <a:cubicBezTo>
                    <a:pt x="549" y="212"/>
                    <a:pt x="610" y="266"/>
                    <a:pt x="606" y="332"/>
                  </a:cubicBezTo>
                  <a:lnTo>
                    <a:pt x="396" y="332"/>
                  </a:lnTo>
                  <a:lnTo>
                    <a:pt x="396" y="332"/>
                  </a:lnTo>
                  <a:close/>
                  <a:moveTo>
                    <a:pt x="114" y="269"/>
                  </a:moveTo>
                  <a:lnTo>
                    <a:pt x="114" y="269"/>
                  </a:lnTo>
                  <a:cubicBezTo>
                    <a:pt x="135" y="276"/>
                    <a:pt x="147" y="277"/>
                    <a:pt x="172" y="277"/>
                  </a:cubicBezTo>
                  <a:cubicBezTo>
                    <a:pt x="240" y="277"/>
                    <a:pt x="284" y="240"/>
                    <a:pt x="284" y="177"/>
                  </a:cubicBezTo>
                  <a:cubicBezTo>
                    <a:pt x="284" y="128"/>
                    <a:pt x="257" y="61"/>
                    <a:pt x="172" y="61"/>
                  </a:cubicBezTo>
                  <a:lnTo>
                    <a:pt x="114" y="61"/>
                  </a:lnTo>
                  <a:lnTo>
                    <a:pt x="114" y="269"/>
                  </a:lnTo>
                  <a:lnTo>
                    <a:pt x="114" y="269"/>
                  </a:lnTo>
                  <a:close/>
                  <a:moveTo>
                    <a:pt x="114" y="419"/>
                  </a:moveTo>
                  <a:lnTo>
                    <a:pt x="114" y="419"/>
                  </a:lnTo>
                  <a:cubicBezTo>
                    <a:pt x="114" y="477"/>
                    <a:pt x="128" y="493"/>
                    <a:pt x="167" y="493"/>
                  </a:cubicBezTo>
                  <a:lnTo>
                    <a:pt x="167" y="507"/>
                  </a:lnTo>
                  <a:lnTo>
                    <a:pt x="0" y="507"/>
                  </a:lnTo>
                  <a:lnTo>
                    <a:pt x="0" y="493"/>
                  </a:lnTo>
                  <a:cubicBezTo>
                    <a:pt x="33" y="493"/>
                    <a:pt x="53" y="482"/>
                    <a:pt x="53" y="421"/>
                  </a:cubicBezTo>
                  <a:lnTo>
                    <a:pt x="53" y="131"/>
                  </a:lnTo>
                  <a:cubicBezTo>
                    <a:pt x="53" y="74"/>
                    <a:pt x="39" y="57"/>
                    <a:pt x="0" y="57"/>
                  </a:cubicBezTo>
                  <a:lnTo>
                    <a:pt x="0" y="44"/>
                  </a:lnTo>
                  <a:lnTo>
                    <a:pt x="169" y="44"/>
                  </a:lnTo>
                  <a:cubicBezTo>
                    <a:pt x="297" y="44"/>
                    <a:pt x="349" y="111"/>
                    <a:pt x="349" y="175"/>
                  </a:cubicBezTo>
                  <a:cubicBezTo>
                    <a:pt x="349" y="252"/>
                    <a:pt x="290" y="295"/>
                    <a:pt x="185" y="295"/>
                  </a:cubicBezTo>
                  <a:cubicBezTo>
                    <a:pt x="165" y="295"/>
                    <a:pt x="148" y="294"/>
                    <a:pt x="114" y="290"/>
                  </a:cubicBezTo>
                  <a:lnTo>
                    <a:pt x="114" y="419"/>
                  </a:lnTo>
                  <a:lnTo>
                    <a:pt x="114" y="419"/>
                  </a:lnTo>
                  <a:close/>
                  <a:moveTo>
                    <a:pt x="3135" y="313"/>
                  </a:moveTo>
                  <a:lnTo>
                    <a:pt x="3135" y="313"/>
                  </a:lnTo>
                  <a:lnTo>
                    <a:pt x="3121" y="313"/>
                  </a:lnTo>
                  <a:cubicBezTo>
                    <a:pt x="3109" y="262"/>
                    <a:pt x="3073" y="229"/>
                    <a:pt x="3025" y="229"/>
                  </a:cubicBezTo>
                  <a:cubicBezTo>
                    <a:pt x="2968" y="229"/>
                    <a:pt x="2929" y="277"/>
                    <a:pt x="2929" y="347"/>
                  </a:cubicBezTo>
                  <a:cubicBezTo>
                    <a:pt x="2929" y="426"/>
                    <a:pt x="2978" y="491"/>
                    <a:pt x="3036" y="491"/>
                  </a:cubicBezTo>
                  <a:cubicBezTo>
                    <a:pt x="3071" y="491"/>
                    <a:pt x="3113" y="473"/>
                    <a:pt x="3143" y="431"/>
                  </a:cubicBezTo>
                  <a:lnTo>
                    <a:pt x="3143" y="452"/>
                  </a:lnTo>
                  <a:cubicBezTo>
                    <a:pt x="3112" y="494"/>
                    <a:pt x="3069" y="515"/>
                    <a:pt x="3017" y="515"/>
                  </a:cubicBezTo>
                  <a:cubicBezTo>
                    <a:pt x="2932" y="515"/>
                    <a:pt x="2873" y="456"/>
                    <a:pt x="2873" y="371"/>
                  </a:cubicBezTo>
                  <a:cubicBezTo>
                    <a:pt x="2873" y="283"/>
                    <a:pt x="2939" y="212"/>
                    <a:pt x="3021" y="212"/>
                  </a:cubicBezTo>
                  <a:cubicBezTo>
                    <a:pt x="3064" y="212"/>
                    <a:pt x="3087" y="229"/>
                    <a:pt x="3102" y="229"/>
                  </a:cubicBezTo>
                  <a:cubicBezTo>
                    <a:pt x="3109" y="229"/>
                    <a:pt x="3116" y="223"/>
                    <a:pt x="3121" y="212"/>
                  </a:cubicBezTo>
                  <a:lnTo>
                    <a:pt x="3135" y="212"/>
                  </a:lnTo>
                  <a:lnTo>
                    <a:pt x="3135" y="313"/>
                  </a:lnTo>
                  <a:close/>
                </a:path>
              </a:pathLst>
            </a:custGeom>
            <a:solidFill>
              <a:schemeClr val="accent1"/>
            </a:solidFill>
            <a:ln w="0">
              <a:noFill/>
              <a:prstDash val="solid"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4136187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7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C">
    <p:bg>
      <p:bgPr>
        <a:gradFill>
          <a:gsLst>
            <a:gs pos="87000">
              <a:srgbClr val="1F538F"/>
            </a:gs>
            <a:gs pos="52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E713D132-8C61-C600-AFB3-F62335C60208}"/>
              </a:ext>
            </a:extLst>
          </p:cNvPr>
          <p:cNvGrpSpPr/>
          <p:nvPr userDrawn="1"/>
        </p:nvGrpSpPr>
        <p:grpSpPr>
          <a:xfrm>
            <a:off x="4724397" y="3211027"/>
            <a:ext cx="2743202" cy="435946"/>
            <a:chOff x="4724397" y="3211027"/>
            <a:chExt cx="2743202" cy="435946"/>
          </a:xfrm>
        </p:grpSpPr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5FF09B02-6C86-BF07-BC42-4DA86C0C91C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86053"/>
            <a:stretch/>
          </p:blipFill>
          <p:spPr>
            <a:xfrm>
              <a:off x="4724397" y="3211027"/>
              <a:ext cx="381588" cy="435946"/>
            </a:xfrm>
            <a:prstGeom prst="rect">
              <a:avLst/>
            </a:prstGeom>
          </p:spPr>
        </p:pic>
        <p:sp>
          <p:nvSpPr>
            <p:cNvPr id="10" name="Freeform 33">
              <a:extLst>
                <a:ext uri="{FF2B5EF4-FFF2-40B4-BE49-F238E27FC236}">
                  <a16:creationId xmlns:a16="http://schemas.microsoft.com/office/drawing/2014/main" id="{C106549B-7A55-FB9D-40AE-058D5282DBEE}"/>
                </a:ext>
              </a:extLst>
            </p:cNvPr>
            <p:cNvSpPr>
              <a:spLocks noEditPoints="1"/>
            </p:cNvSpPr>
            <p:nvPr/>
          </p:nvSpPr>
          <p:spPr bwMode="white">
            <a:xfrm>
              <a:off x="5218111" y="3211027"/>
              <a:ext cx="2249488" cy="295275"/>
            </a:xfrm>
            <a:custGeom>
              <a:avLst/>
              <a:gdLst>
                <a:gd name="T0" fmla="*/ 3918 w 3977"/>
                <a:gd name="T1" fmla="*/ 318 h 515"/>
                <a:gd name="T2" fmla="*/ 3977 w 3977"/>
                <a:gd name="T3" fmla="*/ 433 h 515"/>
                <a:gd name="T4" fmla="*/ 3973 w 3977"/>
                <a:gd name="T5" fmla="*/ 332 h 515"/>
                <a:gd name="T6" fmla="*/ 3688 w 3977"/>
                <a:gd name="T7" fmla="*/ 493 h 515"/>
                <a:gd name="T8" fmla="*/ 3585 w 3977"/>
                <a:gd name="T9" fmla="*/ 308 h 515"/>
                <a:gd name="T10" fmla="*/ 3488 w 3977"/>
                <a:gd name="T11" fmla="*/ 507 h 515"/>
                <a:gd name="T12" fmla="*/ 3337 w 3977"/>
                <a:gd name="T13" fmla="*/ 235 h 515"/>
                <a:gd name="T14" fmla="*/ 3543 w 3977"/>
                <a:gd name="T15" fmla="*/ 212 h 515"/>
                <a:gd name="T16" fmla="*/ 3280 w 3977"/>
                <a:gd name="T17" fmla="*/ 99 h 515"/>
                <a:gd name="T18" fmla="*/ 3280 w 3977"/>
                <a:gd name="T19" fmla="*/ 99 h 515"/>
                <a:gd name="T20" fmla="*/ 3163 w 3977"/>
                <a:gd name="T21" fmla="*/ 507 h 515"/>
                <a:gd name="T22" fmla="*/ 3163 w 3977"/>
                <a:gd name="T23" fmla="*/ 221 h 515"/>
                <a:gd name="T24" fmla="*/ 2812 w 3977"/>
                <a:gd name="T25" fmla="*/ 99 h 515"/>
                <a:gd name="T26" fmla="*/ 2812 w 3977"/>
                <a:gd name="T27" fmla="*/ 99 h 515"/>
                <a:gd name="T28" fmla="*/ 2852 w 3977"/>
                <a:gd name="T29" fmla="*/ 507 h 515"/>
                <a:gd name="T30" fmla="*/ 2695 w 3977"/>
                <a:gd name="T31" fmla="*/ 235 h 515"/>
                <a:gd name="T32" fmla="*/ 2804 w 3977"/>
                <a:gd name="T33" fmla="*/ 453 h 515"/>
                <a:gd name="T34" fmla="*/ 2521 w 3977"/>
                <a:gd name="T35" fmla="*/ 494 h 515"/>
                <a:gd name="T36" fmla="*/ 2621 w 3977"/>
                <a:gd name="T37" fmla="*/ 451 h 515"/>
                <a:gd name="T38" fmla="*/ 2470 w 3977"/>
                <a:gd name="T39" fmla="*/ 212 h 515"/>
                <a:gd name="T40" fmla="*/ 2512 w 3977"/>
                <a:gd name="T41" fmla="*/ 9 h 515"/>
                <a:gd name="T42" fmla="*/ 2236 w 3977"/>
                <a:gd name="T43" fmla="*/ 318 h 515"/>
                <a:gd name="T44" fmla="*/ 2236 w 3977"/>
                <a:gd name="T45" fmla="*/ 318 h 515"/>
                <a:gd name="T46" fmla="*/ 2295 w 3977"/>
                <a:gd name="T47" fmla="*/ 454 h 515"/>
                <a:gd name="T48" fmla="*/ 2080 w 3977"/>
                <a:gd name="T49" fmla="*/ 332 h 515"/>
                <a:gd name="T50" fmla="*/ 1949 w 3977"/>
                <a:gd name="T51" fmla="*/ 414 h 515"/>
                <a:gd name="T52" fmla="*/ 1887 w 3977"/>
                <a:gd name="T53" fmla="*/ 423 h 515"/>
                <a:gd name="T54" fmla="*/ 1537 w 3977"/>
                <a:gd name="T55" fmla="*/ 124 h 515"/>
                <a:gd name="T56" fmla="*/ 1426 w 3977"/>
                <a:gd name="T57" fmla="*/ 507 h 515"/>
                <a:gd name="T58" fmla="*/ 1453 w 3977"/>
                <a:gd name="T59" fmla="*/ 44 h 515"/>
                <a:gd name="T60" fmla="*/ 1977 w 3977"/>
                <a:gd name="T61" fmla="*/ 57 h 515"/>
                <a:gd name="T62" fmla="*/ 1342 w 3977"/>
                <a:gd name="T63" fmla="*/ 507 h 515"/>
                <a:gd name="T64" fmla="*/ 1175 w 3977"/>
                <a:gd name="T65" fmla="*/ 242 h 515"/>
                <a:gd name="T66" fmla="*/ 991 w 3977"/>
                <a:gd name="T67" fmla="*/ 507 h 515"/>
                <a:gd name="T68" fmla="*/ 991 w 3977"/>
                <a:gd name="T69" fmla="*/ 221 h 515"/>
                <a:gd name="T70" fmla="*/ 1294 w 3977"/>
                <a:gd name="T71" fmla="*/ 315 h 515"/>
                <a:gd name="T72" fmla="*/ 978 w 3977"/>
                <a:gd name="T73" fmla="*/ 493 h 515"/>
                <a:gd name="T74" fmla="*/ 875 w 3977"/>
                <a:gd name="T75" fmla="*/ 308 h 515"/>
                <a:gd name="T76" fmla="*/ 778 w 3977"/>
                <a:gd name="T77" fmla="*/ 507 h 515"/>
                <a:gd name="T78" fmla="*/ 627 w 3977"/>
                <a:gd name="T79" fmla="*/ 235 h 515"/>
                <a:gd name="T80" fmla="*/ 833 w 3977"/>
                <a:gd name="T81" fmla="*/ 212 h 515"/>
                <a:gd name="T82" fmla="*/ 552 w 3977"/>
                <a:gd name="T83" fmla="*/ 318 h 515"/>
                <a:gd name="T84" fmla="*/ 396 w 3977"/>
                <a:gd name="T85" fmla="*/ 332 h 515"/>
                <a:gd name="T86" fmla="*/ 493 w 3977"/>
                <a:gd name="T87" fmla="*/ 515 h 515"/>
                <a:gd name="T88" fmla="*/ 396 w 3977"/>
                <a:gd name="T89" fmla="*/ 332 h 515"/>
                <a:gd name="T90" fmla="*/ 172 w 3977"/>
                <a:gd name="T91" fmla="*/ 61 h 515"/>
                <a:gd name="T92" fmla="*/ 114 w 3977"/>
                <a:gd name="T93" fmla="*/ 419 h 515"/>
                <a:gd name="T94" fmla="*/ 53 w 3977"/>
                <a:gd name="T95" fmla="*/ 421 h 515"/>
                <a:gd name="T96" fmla="*/ 349 w 3977"/>
                <a:gd name="T97" fmla="*/ 175 h 515"/>
                <a:gd name="T98" fmla="*/ 3135 w 3977"/>
                <a:gd name="T99" fmla="*/ 313 h 515"/>
                <a:gd name="T100" fmla="*/ 3036 w 3977"/>
                <a:gd name="T101" fmla="*/ 491 h 515"/>
                <a:gd name="T102" fmla="*/ 3021 w 3977"/>
                <a:gd name="T103" fmla="*/ 212 h 5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</a:cxnLst>
              <a:rect l="0" t="0" r="r" b="b"/>
              <a:pathLst>
                <a:path w="3977" h="515">
                  <a:moveTo>
                    <a:pt x="3918" y="318"/>
                  </a:moveTo>
                  <a:lnTo>
                    <a:pt x="3918" y="318"/>
                  </a:lnTo>
                  <a:cubicBezTo>
                    <a:pt x="3921" y="255"/>
                    <a:pt x="3878" y="229"/>
                    <a:pt x="3842" y="229"/>
                  </a:cubicBezTo>
                  <a:cubicBezTo>
                    <a:pt x="3794" y="229"/>
                    <a:pt x="3766" y="265"/>
                    <a:pt x="3762" y="318"/>
                  </a:cubicBezTo>
                  <a:lnTo>
                    <a:pt x="3918" y="318"/>
                  </a:lnTo>
                  <a:lnTo>
                    <a:pt x="3918" y="318"/>
                  </a:lnTo>
                  <a:close/>
                  <a:moveTo>
                    <a:pt x="3762" y="332"/>
                  </a:moveTo>
                  <a:lnTo>
                    <a:pt x="3762" y="332"/>
                  </a:lnTo>
                  <a:cubicBezTo>
                    <a:pt x="3761" y="461"/>
                    <a:pt x="3838" y="493"/>
                    <a:pt x="3876" y="493"/>
                  </a:cubicBezTo>
                  <a:cubicBezTo>
                    <a:pt x="3916" y="493"/>
                    <a:pt x="3936" y="479"/>
                    <a:pt x="3977" y="433"/>
                  </a:cubicBezTo>
                  <a:lnTo>
                    <a:pt x="3977" y="454"/>
                  </a:lnTo>
                  <a:cubicBezTo>
                    <a:pt x="3943" y="498"/>
                    <a:pt x="3909" y="515"/>
                    <a:pt x="3859" y="515"/>
                  </a:cubicBezTo>
                  <a:cubicBezTo>
                    <a:pt x="3770" y="515"/>
                    <a:pt x="3705" y="453"/>
                    <a:pt x="3705" y="367"/>
                  </a:cubicBezTo>
                  <a:cubicBezTo>
                    <a:pt x="3705" y="280"/>
                    <a:pt x="3768" y="212"/>
                    <a:pt x="3849" y="212"/>
                  </a:cubicBezTo>
                  <a:cubicBezTo>
                    <a:pt x="3915" y="212"/>
                    <a:pt x="3977" y="266"/>
                    <a:pt x="3973" y="332"/>
                  </a:cubicBezTo>
                  <a:lnTo>
                    <a:pt x="3762" y="332"/>
                  </a:lnTo>
                  <a:lnTo>
                    <a:pt x="3762" y="332"/>
                  </a:lnTo>
                  <a:close/>
                  <a:moveTo>
                    <a:pt x="3640" y="444"/>
                  </a:moveTo>
                  <a:lnTo>
                    <a:pt x="3640" y="444"/>
                  </a:lnTo>
                  <a:cubicBezTo>
                    <a:pt x="3640" y="482"/>
                    <a:pt x="3648" y="493"/>
                    <a:pt x="3688" y="493"/>
                  </a:cubicBezTo>
                  <a:lnTo>
                    <a:pt x="3688" y="507"/>
                  </a:lnTo>
                  <a:lnTo>
                    <a:pt x="3536" y="507"/>
                  </a:lnTo>
                  <a:lnTo>
                    <a:pt x="3536" y="493"/>
                  </a:lnTo>
                  <a:cubicBezTo>
                    <a:pt x="3574" y="493"/>
                    <a:pt x="3585" y="484"/>
                    <a:pt x="3585" y="457"/>
                  </a:cubicBezTo>
                  <a:lnTo>
                    <a:pt x="3585" y="308"/>
                  </a:lnTo>
                  <a:cubicBezTo>
                    <a:pt x="3585" y="262"/>
                    <a:pt x="3552" y="242"/>
                    <a:pt x="3521" y="242"/>
                  </a:cubicBezTo>
                  <a:cubicBezTo>
                    <a:pt x="3493" y="242"/>
                    <a:pt x="3468" y="260"/>
                    <a:pt x="3439" y="298"/>
                  </a:cubicBezTo>
                  <a:lnTo>
                    <a:pt x="3439" y="438"/>
                  </a:lnTo>
                  <a:cubicBezTo>
                    <a:pt x="3439" y="482"/>
                    <a:pt x="3445" y="493"/>
                    <a:pt x="3488" y="493"/>
                  </a:cubicBezTo>
                  <a:lnTo>
                    <a:pt x="3488" y="507"/>
                  </a:lnTo>
                  <a:lnTo>
                    <a:pt x="3337" y="507"/>
                  </a:lnTo>
                  <a:lnTo>
                    <a:pt x="3337" y="493"/>
                  </a:lnTo>
                  <a:cubicBezTo>
                    <a:pt x="3375" y="493"/>
                    <a:pt x="3385" y="490"/>
                    <a:pt x="3385" y="438"/>
                  </a:cubicBezTo>
                  <a:lnTo>
                    <a:pt x="3385" y="277"/>
                  </a:lnTo>
                  <a:cubicBezTo>
                    <a:pt x="3385" y="242"/>
                    <a:pt x="3376" y="235"/>
                    <a:pt x="3337" y="235"/>
                  </a:cubicBezTo>
                  <a:lnTo>
                    <a:pt x="3337" y="221"/>
                  </a:lnTo>
                  <a:lnTo>
                    <a:pt x="3426" y="212"/>
                  </a:lnTo>
                  <a:lnTo>
                    <a:pt x="3439" y="212"/>
                  </a:lnTo>
                  <a:lnTo>
                    <a:pt x="3439" y="270"/>
                  </a:lnTo>
                  <a:cubicBezTo>
                    <a:pt x="3473" y="231"/>
                    <a:pt x="3507" y="212"/>
                    <a:pt x="3543" y="212"/>
                  </a:cubicBezTo>
                  <a:cubicBezTo>
                    <a:pt x="3591" y="212"/>
                    <a:pt x="3640" y="246"/>
                    <a:pt x="3640" y="315"/>
                  </a:cubicBezTo>
                  <a:lnTo>
                    <a:pt x="3640" y="444"/>
                  </a:lnTo>
                  <a:lnTo>
                    <a:pt x="3640" y="444"/>
                  </a:lnTo>
                  <a:close/>
                  <a:moveTo>
                    <a:pt x="3280" y="99"/>
                  </a:moveTo>
                  <a:lnTo>
                    <a:pt x="3280" y="99"/>
                  </a:lnTo>
                  <a:cubicBezTo>
                    <a:pt x="3280" y="119"/>
                    <a:pt x="3265" y="135"/>
                    <a:pt x="3245" y="135"/>
                  </a:cubicBezTo>
                  <a:cubicBezTo>
                    <a:pt x="3226" y="135"/>
                    <a:pt x="3210" y="119"/>
                    <a:pt x="3210" y="99"/>
                  </a:cubicBezTo>
                  <a:cubicBezTo>
                    <a:pt x="3210" y="80"/>
                    <a:pt x="3226" y="65"/>
                    <a:pt x="3245" y="65"/>
                  </a:cubicBezTo>
                  <a:cubicBezTo>
                    <a:pt x="3265" y="65"/>
                    <a:pt x="3280" y="80"/>
                    <a:pt x="3280" y="99"/>
                  </a:cubicBezTo>
                  <a:lnTo>
                    <a:pt x="3280" y="99"/>
                  </a:lnTo>
                  <a:close/>
                  <a:moveTo>
                    <a:pt x="3272" y="453"/>
                  </a:moveTo>
                  <a:lnTo>
                    <a:pt x="3272" y="453"/>
                  </a:lnTo>
                  <a:cubicBezTo>
                    <a:pt x="3272" y="482"/>
                    <a:pt x="3279" y="493"/>
                    <a:pt x="3320" y="493"/>
                  </a:cubicBezTo>
                  <a:lnTo>
                    <a:pt x="3320" y="507"/>
                  </a:lnTo>
                  <a:lnTo>
                    <a:pt x="3163" y="507"/>
                  </a:lnTo>
                  <a:lnTo>
                    <a:pt x="3163" y="493"/>
                  </a:lnTo>
                  <a:cubicBezTo>
                    <a:pt x="3207" y="493"/>
                    <a:pt x="3217" y="487"/>
                    <a:pt x="3217" y="453"/>
                  </a:cubicBezTo>
                  <a:lnTo>
                    <a:pt x="3217" y="278"/>
                  </a:lnTo>
                  <a:cubicBezTo>
                    <a:pt x="3217" y="238"/>
                    <a:pt x="3205" y="235"/>
                    <a:pt x="3163" y="235"/>
                  </a:cubicBezTo>
                  <a:lnTo>
                    <a:pt x="3163" y="221"/>
                  </a:lnTo>
                  <a:lnTo>
                    <a:pt x="3258" y="212"/>
                  </a:lnTo>
                  <a:lnTo>
                    <a:pt x="3272" y="212"/>
                  </a:lnTo>
                  <a:lnTo>
                    <a:pt x="3272" y="453"/>
                  </a:lnTo>
                  <a:lnTo>
                    <a:pt x="3272" y="453"/>
                  </a:lnTo>
                  <a:close/>
                  <a:moveTo>
                    <a:pt x="2812" y="99"/>
                  </a:moveTo>
                  <a:lnTo>
                    <a:pt x="2812" y="99"/>
                  </a:lnTo>
                  <a:cubicBezTo>
                    <a:pt x="2812" y="119"/>
                    <a:pt x="2797" y="135"/>
                    <a:pt x="2778" y="135"/>
                  </a:cubicBezTo>
                  <a:cubicBezTo>
                    <a:pt x="2758" y="135"/>
                    <a:pt x="2742" y="119"/>
                    <a:pt x="2742" y="99"/>
                  </a:cubicBezTo>
                  <a:cubicBezTo>
                    <a:pt x="2742" y="80"/>
                    <a:pt x="2758" y="65"/>
                    <a:pt x="2778" y="65"/>
                  </a:cubicBezTo>
                  <a:cubicBezTo>
                    <a:pt x="2797" y="65"/>
                    <a:pt x="2812" y="80"/>
                    <a:pt x="2812" y="99"/>
                  </a:cubicBezTo>
                  <a:lnTo>
                    <a:pt x="2812" y="99"/>
                  </a:lnTo>
                  <a:close/>
                  <a:moveTo>
                    <a:pt x="2804" y="453"/>
                  </a:moveTo>
                  <a:lnTo>
                    <a:pt x="2804" y="453"/>
                  </a:lnTo>
                  <a:cubicBezTo>
                    <a:pt x="2804" y="482"/>
                    <a:pt x="2811" y="493"/>
                    <a:pt x="2852" y="493"/>
                  </a:cubicBezTo>
                  <a:lnTo>
                    <a:pt x="2852" y="507"/>
                  </a:lnTo>
                  <a:lnTo>
                    <a:pt x="2695" y="507"/>
                  </a:lnTo>
                  <a:lnTo>
                    <a:pt x="2695" y="493"/>
                  </a:lnTo>
                  <a:cubicBezTo>
                    <a:pt x="2739" y="493"/>
                    <a:pt x="2749" y="487"/>
                    <a:pt x="2749" y="453"/>
                  </a:cubicBezTo>
                  <a:lnTo>
                    <a:pt x="2749" y="278"/>
                  </a:lnTo>
                  <a:cubicBezTo>
                    <a:pt x="2749" y="238"/>
                    <a:pt x="2737" y="235"/>
                    <a:pt x="2695" y="235"/>
                  </a:cubicBezTo>
                  <a:lnTo>
                    <a:pt x="2695" y="221"/>
                  </a:lnTo>
                  <a:lnTo>
                    <a:pt x="2790" y="212"/>
                  </a:lnTo>
                  <a:lnTo>
                    <a:pt x="2804" y="212"/>
                  </a:lnTo>
                  <a:lnTo>
                    <a:pt x="2804" y="453"/>
                  </a:lnTo>
                  <a:lnTo>
                    <a:pt x="2804" y="453"/>
                  </a:lnTo>
                  <a:close/>
                  <a:moveTo>
                    <a:pt x="2566" y="278"/>
                  </a:moveTo>
                  <a:lnTo>
                    <a:pt x="2566" y="278"/>
                  </a:lnTo>
                  <a:cubicBezTo>
                    <a:pt x="2543" y="247"/>
                    <a:pt x="2512" y="229"/>
                    <a:pt x="2483" y="229"/>
                  </a:cubicBezTo>
                  <a:cubicBezTo>
                    <a:pt x="2431" y="229"/>
                    <a:pt x="2395" y="276"/>
                    <a:pt x="2395" y="346"/>
                  </a:cubicBezTo>
                  <a:cubicBezTo>
                    <a:pt x="2395" y="414"/>
                    <a:pt x="2427" y="494"/>
                    <a:pt x="2521" y="494"/>
                  </a:cubicBezTo>
                  <a:cubicBezTo>
                    <a:pt x="2553" y="494"/>
                    <a:pt x="2566" y="481"/>
                    <a:pt x="2566" y="450"/>
                  </a:cubicBezTo>
                  <a:lnTo>
                    <a:pt x="2566" y="278"/>
                  </a:lnTo>
                  <a:lnTo>
                    <a:pt x="2566" y="278"/>
                  </a:lnTo>
                  <a:close/>
                  <a:moveTo>
                    <a:pt x="2621" y="451"/>
                  </a:moveTo>
                  <a:lnTo>
                    <a:pt x="2621" y="451"/>
                  </a:lnTo>
                  <a:cubicBezTo>
                    <a:pt x="2621" y="482"/>
                    <a:pt x="2632" y="493"/>
                    <a:pt x="2669" y="493"/>
                  </a:cubicBezTo>
                  <a:lnTo>
                    <a:pt x="2669" y="507"/>
                  </a:lnTo>
                  <a:lnTo>
                    <a:pt x="2502" y="507"/>
                  </a:lnTo>
                  <a:cubicBezTo>
                    <a:pt x="2381" y="507"/>
                    <a:pt x="2336" y="425"/>
                    <a:pt x="2336" y="358"/>
                  </a:cubicBezTo>
                  <a:cubicBezTo>
                    <a:pt x="2336" y="277"/>
                    <a:pt x="2395" y="212"/>
                    <a:pt x="2470" y="212"/>
                  </a:cubicBezTo>
                  <a:cubicBezTo>
                    <a:pt x="2500" y="212"/>
                    <a:pt x="2530" y="223"/>
                    <a:pt x="2566" y="247"/>
                  </a:cubicBezTo>
                  <a:lnTo>
                    <a:pt x="2566" y="72"/>
                  </a:lnTo>
                  <a:cubicBezTo>
                    <a:pt x="2566" y="31"/>
                    <a:pt x="2556" y="23"/>
                    <a:pt x="2528" y="23"/>
                  </a:cubicBezTo>
                  <a:lnTo>
                    <a:pt x="2512" y="23"/>
                  </a:lnTo>
                  <a:lnTo>
                    <a:pt x="2512" y="9"/>
                  </a:lnTo>
                  <a:lnTo>
                    <a:pt x="2607" y="0"/>
                  </a:lnTo>
                  <a:lnTo>
                    <a:pt x="2621" y="0"/>
                  </a:lnTo>
                  <a:lnTo>
                    <a:pt x="2621" y="451"/>
                  </a:lnTo>
                  <a:lnTo>
                    <a:pt x="2621" y="451"/>
                  </a:lnTo>
                  <a:close/>
                  <a:moveTo>
                    <a:pt x="2236" y="318"/>
                  </a:moveTo>
                  <a:lnTo>
                    <a:pt x="2236" y="318"/>
                  </a:lnTo>
                  <a:cubicBezTo>
                    <a:pt x="2239" y="255"/>
                    <a:pt x="2196" y="229"/>
                    <a:pt x="2159" y="229"/>
                  </a:cubicBezTo>
                  <a:cubicBezTo>
                    <a:pt x="2112" y="229"/>
                    <a:pt x="2083" y="265"/>
                    <a:pt x="2080" y="318"/>
                  </a:cubicBezTo>
                  <a:lnTo>
                    <a:pt x="2236" y="318"/>
                  </a:lnTo>
                  <a:lnTo>
                    <a:pt x="2236" y="318"/>
                  </a:lnTo>
                  <a:close/>
                  <a:moveTo>
                    <a:pt x="2080" y="332"/>
                  </a:moveTo>
                  <a:lnTo>
                    <a:pt x="2080" y="332"/>
                  </a:lnTo>
                  <a:cubicBezTo>
                    <a:pt x="2079" y="461"/>
                    <a:pt x="2155" y="493"/>
                    <a:pt x="2194" y="493"/>
                  </a:cubicBezTo>
                  <a:cubicBezTo>
                    <a:pt x="2234" y="493"/>
                    <a:pt x="2254" y="479"/>
                    <a:pt x="2295" y="433"/>
                  </a:cubicBezTo>
                  <a:lnTo>
                    <a:pt x="2295" y="454"/>
                  </a:lnTo>
                  <a:cubicBezTo>
                    <a:pt x="2260" y="498"/>
                    <a:pt x="2227" y="515"/>
                    <a:pt x="2177" y="515"/>
                  </a:cubicBezTo>
                  <a:cubicBezTo>
                    <a:pt x="2088" y="515"/>
                    <a:pt x="2023" y="453"/>
                    <a:pt x="2023" y="367"/>
                  </a:cubicBezTo>
                  <a:cubicBezTo>
                    <a:pt x="2023" y="280"/>
                    <a:pt x="2086" y="212"/>
                    <a:pt x="2167" y="212"/>
                  </a:cubicBezTo>
                  <a:cubicBezTo>
                    <a:pt x="2233" y="212"/>
                    <a:pt x="2294" y="266"/>
                    <a:pt x="2290" y="332"/>
                  </a:cubicBezTo>
                  <a:lnTo>
                    <a:pt x="2080" y="332"/>
                  </a:lnTo>
                  <a:lnTo>
                    <a:pt x="2080" y="332"/>
                  </a:lnTo>
                  <a:close/>
                  <a:moveTo>
                    <a:pt x="1977" y="57"/>
                  </a:moveTo>
                  <a:lnTo>
                    <a:pt x="1977" y="57"/>
                  </a:lnTo>
                  <a:cubicBezTo>
                    <a:pt x="1937" y="58"/>
                    <a:pt x="1922" y="86"/>
                    <a:pt x="1925" y="129"/>
                  </a:cubicBezTo>
                  <a:lnTo>
                    <a:pt x="1949" y="414"/>
                  </a:lnTo>
                  <a:cubicBezTo>
                    <a:pt x="1954" y="471"/>
                    <a:pt x="1963" y="489"/>
                    <a:pt x="2006" y="493"/>
                  </a:cubicBezTo>
                  <a:lnTo>
                    <a:pt x="2006" y="507"/>
                  </a:lnTo>
                  <a:lnTo>
                    <a:pt x="1840" y="507"/>
                  </a:lnTo>
                  <a:lnTo>
                    <a:pt x="1840" y="493"/>
                  </a:lnTo>
                  <a:cubicBezTo>
                    <a:pt x="1878" y="486"/>
                    <a:pt x="1890" y="469"/>
                    <a:pt x="1887" y="423"/>
                  </a:cubicBezTo>
                  <a:lnTo>
                    <a:pt x="1865" y="124"/>
                  </a:lnTo>
                  <a:lnTo>
                    <a:pt x="1863" y="124"/>
                  </a:lnTo>
                  <a:lnTo>
                    <a:pt x="1705" y="507"/>
                  </a:lnTo>
                  <a:lnTo>
                    <a:pt x="1693" y="507"/>
                  </a:lnTo>
                  <a:lnTo>
                    <a:pt x="1537" y="124"/>
                  </a:lnTo>
                  <a:lnTo>
                    <a:pt x="1536" y="124"/>
                  </a:lnTo>
                  <a:lnTo>
                    <a:pt x="1510" y="410"/>
                  </a:lnTo>
                  <a:cubicBezTo>
                    <a:pt x="1506" y="456"/>
                    <a:pt x="1523" y="484"/>
                    <a:pt x="1570" y="493"/>
                  </a:cubicBezTo>
                  <a:lnTo>
                    <a:pt x="1570" y="507"/>
                  </a:lnTo>
                  <a:lnTo>
                    <a:pt x="1426" y="507"/>
                  </a:lnTo>
                  <a:lnTo>
                    <a:pt x="1426" y="493"/>
                  </a:lnTo>
                  <a:cubicBezTo>
                    <a:pt x="1473" y="486"/>
                    <a:pt x="1480" y="459"/>
                    <a:pt x="1485" y="408"/>
                  </a:cubicBezTo>
                  <a:lnTo>
                    <a:pt x="1513" y="90"/>
                  </a:lnTo>
                  <a:cubicBezTo>
                    <a:pt x="1495" y="70"/>
                    <a:pt x="1479" y="61"/>
                    <a:pt x="1453" y="57"/>
                  </a:cubicBezTo>
                  <a:lnTo>
                    <a:pt x="1453" y="44"/>
                  </a:lnTo>
                  <a:lnTo>
                    <a:pt x="1570" y="44"/>
                  </a:lnTo>
                  <a:lnTo>
                    <a:pt x="1718" y="408"/>
                  </a:lnTo>
                  <a:lnTo>
                    <a:pt x="1868" y="44"/>
                  </a:lnTo>
                  <a:lnTo>
                    <a:pt x="1977" y="44"/>
                  </a:lnTo>
                  <a:lnTo>
                    <a:pt x="1977" y="57"/>
                  </a:lnTo>
                  <a:lnTo>
                    <a:pt x="1977" y="57"/>
                  </a:lnTo>
                  <a:close/>
                  <a:moveTo>
                    <a:pt x="1294" y="444"/>
                  </a:moveTo>
                  <a:lnTo>
                    <a:pt x="1294" y="444"/>
                  </a:lnTo>
                  <a:cubicBezTo>
                    <a:pt x="1294" y="482"/>
                    <a:pt x="1302" y="493"/>
                    <a:pt x="1342" y="493"/>
                  </a:cubicBezTo>
                  <a:lnTo>
                    <a:pt x="1342" y="507"/>
                  </a:lnTo>
                  <a:lnTo>
                    <a:pt x="1190" y="507"/>
                  </a:lnTo>
                  <a:lnTo>
                    <a:pt x="1190" y="493"/>
                  </a:lnTo>
                  <a:cubicBezTo>
                    <a:pt x="1228" y="493"/>
                    <a:pt x="1239" y="484"/>
                    <a:pt x="1239" y="457"/>
                  </a:cubicBezTo>
                  <a:lnTo>
                    <a:pt x="1239" y="308"/>
                  </a:lnTo>
                  <a:cubicBezTo>
                    <a:pt x="1239" y="262"/>
                    <a:pt x="1206" y="242"/>
                    <a:pt x="1175" y="242"/>
                  </a:cubicBezTo>
                  <a:cubicBezTo>
                    <a:pt x="1147" y="242"/>
                    <a:pt x="1122" y="260"/>
                    <a:pt x="1093" y="298"/>
                  </a:cubicBezTo>
                  <a:lnTo>
                    <a:pt x="1093" y="438"/>
                  </a:lnTo>
                  <a:cubicBezTo>
                    <a:pt x="1093" y="482"/>
                    <a:pt x="1099" y="493"/>
                    <a:pt x="1142" y="493"/>
                  </a:cubicBezTo>
                  <a:lnTo>
                    <a:pt x="1142" y="507"/>
                  </a:lnTo>
                  <a:lnTo>
                    <a:pt x="991" y="507"/>
                  </a:lnTo>
                  <a:lnTo>
                    <a:pt x="991" y="493"/>
                  </a:lnTo>
                  <a:cubicBezTo>
                    <a:pt x="1029" y="493"/>
                    <a:pt x="1039" y="490"/>
                    <a:pt x="1039" y="438"/>
                  </a:cubicBezTo>
                  <a:lnTo>
                    <a:pt x="1039" y="277"/>
                  </a:lnTo>
                  <a:cubicBezTo>
                    <a:pt x="1039" y="242"/>
                    <a:pt x="1030" y="235"/>
                    <a:pt x="991" y="235"/>
                  </a:cubicBezTo>
                  <a:lnTo>
                    <a:pt x="991" y="221"/>
                  </a:lnTo>
                  <a:lnTo>
                    <a:pt x="1080" y="212"/>
                  </a:lnTo>
                  <a:lnTo>
                    <a:pt x="1093" y="212"/>
                  </a:lnTo>
                  <a:lnTo>
                    <a:pt x="1093" y="270"/>
                  </a:lnTo>
                  <a:cubicBezTo>
                    <a:pt x="1127" y="231"/>
                    <a:pt x="1161" y="212"/>
                    <a:pt x="1197" y="212"/>
                  </a:cubicBezTo>
                  <a:cubicBezTo>
                    <a:pt x="1245" y="212"/>
                    <a:pt x="1294" y="246"/>
                    <a:pt x="1294" y="315"/>
                  </a:cubicBezTo>
                  <a:lnTo>
                    <a:pt x="1294" y="444"/>
                  </a:lnTo>
                  <a:lnTo>
                    <a:pt x="1294" y="444"/>
                  </a:lnTo>
                  <a:close/>
                  <a:moveTo>
                    <a:pt x="930" y="444"/>
                  </a:moveTo>
                  <a:lnTo>
                    <a:pt x="930" y="444"/>
                  </a:lnTo>
                  <a:cubicBezTo>
                    <a:pt x="930" y="482"/>
                    <a:pt x="938" y="493"/>
                    <a:pt x="978" y="493"/>
                  </a:cubicBezTo>
                  <a:lnTo>
                    <a:pt x="978" y="507"/>
                  </a:lnTo>
                  <a:lnTo>
                    <a:pt x="826" y="507"/>
                  </a:lnTo>
                  <a:lnTo>
                    <a:pt x="826" y="493"/>
                  </a:lnTo>
                  <a:cubicBezTo>
                    <a:pt x="864" y="493"/>
                    <a:pt x="875" y="484"/>
                    <a:pt x="875" y="457"/>
                  </a:cubicBezTo>
                  <a:lnTo>
                    <a:pt x="875" y="308"/>
                  </a:lnTo>
                  <a:cubicBezTo>
                    <a:pt x="875" y="262"/>
                    <a:pt x="842" y="242"/>
                    <a:pt x="811" y="242"/>
                  </a:cubicBezTo>
                  <a:cubicBezTo>
                    <a:pt x="783" y="242"/>
                    <a:pt x="758" y="260"/>
                    <a:pt x="730" y="298"/>
                  </a:cubicBezTo>
                  <a:lnTo>
                    <a:pt x="730" y="438"/>
                  </a:lnTo>
                  <a:cubicBezTo>
                    <a:pt x="730" y="482"/>
                    <a:pt x="735" y="493"/>
                    <a:pt x="778" y="493"/>
                  </a:cubicBezTo>
                  <a:lnTo>
                    <a:pt x="778" y="507"/>
                  </a:lnTo>
                  <a:lnTo>
                    <a:pt x="627" y="507"/>
                  </a:lnTo>
                  <a:lnTo>
                    <a:pt x="627" y="493"/>
                  </a:lnTo>
                  <a:cubicBezTo>
                    <a:pt x="665" y="493"/>
                    <a:pt x="675" y="490"/>
                    <a:pt x="675" y="438"/>
                  </a:cubicBezTo>
                  <a:lnTo>
                    <a:pt x="675" y="277"/>
                  </a:lnTo>
                  <a:cubicBezTo>
                    <a:pt x="675" y="242"/>
                    <a:pt x="666" y="235"/>
                    <a:pt x="627" y="235"/>
                  </a:cubicBezTo>
                  <a:lnTo>
                    <a:pt x="627" y="221"/>
                  </a:lnTo>
                  <a:lnTo>
                    <a:pt x="716" y="212"/>
                  </a:lnTo>
                  <a:lnTo>
                    <a:pt x="730" y="212"/>
                  </a:lnTo>
                  <a:lnTo>
                    <a:pt x="730" y="270"/>
                  </a:lnTo>
                  <a:cubicBezTo>
                    <a:pt x="763" y="231"/>
                    <a:pt x="797" y="212"/>
                    <a:pt x="833" y="212"/>
                  </a:cubicBezTo>
                  <a:cubicBezTo>
                    <a:pt x="881" y="212"/>
                    <a:pt x="930" y="246"/>
                    <a:pt x="930" y="315"/>
                  </a:cubicBezTo>
                  <a:lnTo>
                    <a:pt x="930" y="444"/>
                  </a:lnTo>
                  <a:lnTo>
                    <a:pt x="930" y="444"/>
                  </a:lnTo>
                  <a:close/>
                  <a:moveTo>
                    <a:pt x="552" y="318"/>
                  </a:moveTo>
                  <a:lnTo>
                    <a:pt x="552" y="318"/>
                  </a:lnTo>
                  <a:cubicBezTo>
                    <a:pt x="555" y="255"/>
                    <a:pt x="512" y="229"/>
                    <a:pt x="475" y="229"/>
                  </a:cubicBezTo>
                  <a:cubicBezTo>
                    <a:pt x="428" y="229"/>
                    <a:pt x="399" y="265"/>
                    <a:pt x="396" y="318"/>
                  </a:cubicBezTo>
                  <a:lnTo>
                    <a:pt x="552" y="318"/>
                  </a:lnTo>
                  <a:lnTo>
                    <a:pt x="552" y="318"/>
                  </a:lnTo>
                  <a:close/>
                  <a:moveTo>
                    <a:pt x="396" y="332"/>
                  </a:moveTo>
                  <a:lnTo>
                    <a:pt x="396" y="332"/>
                  </a:lnTo>
                  <a:cubicBezTo>
                    <a:pt x="395" y="461"/>
                    <a:pt x="471" y="493"/>
                    <a:pt x="510" y="493"/>
                  </a:cubicBezTo>
                  <a:cubicBezTo>
                    <a:pt x="550" y="493"/>
                    <a:pt x="570" y="479"/>
                    <a:pt x="611" y="433"/>
                  </a:cubicBezTo>
                  <a:lnTo>
                    <a:pt x="611" y="454"/>
                  </a:lnTo>
                  <a:cubicBezTo>
                    <a:pt x="576" y="498"/>
                    <a:pt x="543" y="515"/>
                    <a:pt x="493" y="515"/>
                  </a:cubicBezTo>
                  <a:cubicBezTo>
                    <a:pt x="403" y="515"/>
                    <a:pt x="339" y="453"/>
                    <a:pt x="339" y="367"/>
                  </a:cubicBezTo>
                  <a:cubicBezTo>
                    <a:pt x="339" y="280"/>
                    <a:pt x="402" y="212"/>
                    <a:pt x="483" y="212"/>
                  </a:cubicBezTo>
                  <a:cubicBezTo>
                    <a:pt x="549" y="212"/>
                    <a:pt x="610" y="266"/>
                    <a:pt x="606" y="332"/>
                  </a:cubicBezTo>
                  <a:lnTo>
                    <a:pt x="396" y="332"/>
                  </a:lnTo>
                  <a:lnTo>
                    <a:pt x="396" y="332"/>
                  </a:lnTo>
                  <a:close/>
                  <a:moveTo>
                    <a:pt x="114" y="269"/>
                  </a:moveTo>
                  <a:lnTo>
                    <a:pt x="114" y="269"/>
                  </a:lnTo>
                  <a:cubicBezTo>
                    <a:pt x="135" y="276"/>
                    <a:pt x="147" y="277"/>
                    <a:pt x="172" y="277"/>
                  </a:cubicBezTo>
                  <a:cubicBezTo>
                    <a:pt x="240" y="277"/>
                    <a:pt x="284" y="240"/>
                    <a:pt x="284" y="177"/>
                  </a:cubicBezTo>
                  <a:cubicBezTo>
                    <a:pt x="284" y="128"/>
                    <a:pt x="257" y="61"/>
                    <a:pt x="172" y="61"/>
                  </a:cubicBezTo>
                  <a:lnTo>
                    <a:pt x="114" y="61"/>
                  </a:lnTo>
                  <a:lnTo>
                    <a:pt x="114" y="269"/>
                  </a:lnTo>
                  <a:lnTo>
                    <a:pt x="114" y="269"/>
                  </a:lnTo>
                  <a:close/>
                  <a:moveTo>
                    <a:pt x="114" y="419"/>
                  </a:moveTo>
                  <a:lnTo>
                    <a:pt x="114" y="419"/>
                  </a:lnTo>
                  <a:cubicBezTo>
                    <a:pt x="114" y="477"/>
                    <a:pt x="128" y="493"/>
                    <a:pt x="167" y="493"/>
                  </a:cubicBezTo>
                  <a:lnTo>
                    <a:pt x="167" y="507"/>
                  </a:lnTo>
                  <a:lnTo>
                    <a:pt x="0" y="507"/>
                  </a:lnTo>
                  <a:lnTo>
                    <a:pt x="0" y="493"/>
                  </a:lnTo>
                  <a:cubicBezTo>
                    <a:pt x="33" y="493"/>
                    <a:pt x="53" y="482"/>
                    <a:pt x="53" y="421"/>
                  </a:cubicBezTo>
                  <a:lnTo>
                    <a:pt x="53" y="131"/>
                  </a:lnTo>
                  <a:cubicBezTo>
                    <a:pt x="53" y="74"/>
                    <a:pt x="39" y="57"/>
                    <a:pt x="0" y="57"/>
                  </a:cubicBezTo>
                  <a:lnTo>
                    <a:pt x="0" y="44"/>
                  </a:lnTo>
                  <a:lnTo>
                    <a:pt x="169" y="44"/>
                  </a:lnTo>
                  <a:cubicBezTo>
                    <a:pt x="297" y="44"/>
                    <a:pt x="349" y="111"/>
                    <a:pt x="349" y="175"/>
                  </a:cubicBezTo>
                  <a:cubicBezTo>
                    <a:pt x="349" y="252"/>
                    <a:pt x="290" y="295"/>
                    <a:pt x="185" y="295"/>
                  </a:cubicBezTo>
                  <a:cubicBezTo>
                    <a:pt x="165" y="295"/>
                    <a:pt x="148" y="294"/>
                    <a:pt x="114" y="290"/>
                  </a:cubicBezTo>
                  <a:lnTo>
                    <a:pt x="114" y="419"/>
                  </a:lnTo>
                  <a:lnTo>
                    <a:pt x="114" y="419"/>
                  </a:lnTo>
                  <a:close/>
                  <a:moveTo>
                    <a:pt x="3135" y="313"/>
                  </a:moveTo>
                  <a:lnTo>
                    <a:pt x="3135" y="313"/>
                  </a:lnTo>
                  <a:lnTo>
                    <a:pt x="3121" y="313"/>
                  </a:lnTo>
                  <a:cubicBezTo>
                    <a:pt x="3109" y="262"/>
                    <a:pt x="3073" y="229"/>
                    <a:pt x="3025" y="229"/>
                  </a:cubicBezTo>
                  <a:cubicBezTo>
                    <a:pt x="2968" y="229"/>
                    <a:pt x="2929" y="277"/>
                    <a:pt x="2929" y="347"/>
                  </a:cubicBezTo>
                  <a:cubicBezTo>
                    <a:pt x="2929" y="426"/>
                    <a:pt x="2978" y="491"/>
                    <a:pt x="3036" y="491"/>
                  </a:cubicBezTo>
                  <a:cubicBezTo>
                    <a:pt x="3071" y="491"/>
                    <a:pt x="3113" y="473"/>
                    <a:pt x="3143" y="431"/>
                  </a:cubicBezTo>
                  <a:lnTo>
                    <a:pt x="3143" y="452"/>
                  </a:lnTo>
                  <a:cubicBezTo>
                    <a:pt x="3112" y="494"/>
                    <a:pt x="3069" y="515"/>
                    <a:pt x="3017" y="515"/>
                  </a:cubicBezTo>
                  <a:cubicBezTo>
                    <a:pt x="2932" y="515"/>
                    <a:pt x="2873" y="456"/>
                    <a:pt x="2873" y="371"/>
                  </a:cubicBezTo>
                  <a:cubicBezTo>
                    <a:pt x="2873" y="283"/>
                    <a:pt x="2939" y="212"/>
                    <a:pt x="3021" y="212"/>
                  </a:cubicBezTo>
                  <a:cubicBezTo>
                    <a:pt x="3064" y="212"/>
                    <a:pt x="3087" y="229"/>
                    <a:pt x="3102" y="229"/>
                  </a:cubicBezTo>
                  <a:cubicBezTo>
                    <a:pt x="3109" y="229"/>
                    <a:pt x="3116" y="223"/>
                    <a:pt x="3121" y="212"/>
                  </a:cubicBezTo>
                  <a:lnTo>
                    <a:pt x="3135" y="212"/>
                  </a:lnTo>
                  <a:lnTo>
                    <a:pt x="3135" y="313"/>
                  </a:lnTo>
                  <a:close/>
                </a:path>
              </a:pathLst>
            </a:custGeom>
            <a:solidFill>
              <a:schemeClr val="bg1"/>
            </a:solidFill>
            <a:ln w="0">
              <a:noFill/>
              <a:prstDash val="solid"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07792B4C-F919-7FC6-37AC-1AC9B390E5F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2409979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Guides" hidden="1">
            <a:extLst>
              <a:ext uri="{FF2B5EF4-FFF2-40B4-BE49-F238E27FC236}">
                <a16:creationId xmlns:a16="http://schemas.microsoft.com/office/drawing/2014/main" id="{34F4D84D-8B38-E9C5-1868-7F61784FF06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7F0FCFE-6765-0832-0840-9CF39F36BB4B}"/>
              </a:ext>
            </a:extLst>
          </p:cNvPr>
          <p:cNvSpPr txBox="1"/>
          <p:nvPr userDrawn="1"/>
        </p:nvSpPr>
        <p:spPr>
          <a:xfrm>
            <a:off x="719138" y="719138"/>
            <a:ext cx="10752137" cy="212365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4400" dirty="0">
                <a:solidFill>
                  <a:schemeClr val="bg1"/>
                </a:solidFill>
              </a:rPr>
              <a:t>If you see any </a:t>
            </a:r>
            <a:r>
              <a:rPr lang="en-GB" sz="4400" b="1" i="1" dirty="0">
                <a:solidFill>
                  <a:schemeClr val="bg1"/>
                </a:solidFill>
              </a:rPr>
              <a:t>layouts after this </a:t>
            </a:r>
            <a:r>
              <a:rPr lang="en-GB" sz="4400" dirty="0">
                <a:solidFill>
                  <a:schemeClr val="bg1"/>
                </a:solidFill>
              </a:rPr>
              <a:t>one,</a:t>
            </a:r>
            <a:br>
              <a:rPr lang="en-GB" sz="4400" dirty="0">
                <a:solidFill>
                  <a:schemeClr val="bg1"/>
                </a:solidFill>
              </a:rPr>
            </a:br>
            <a:r>
              <a:rPr lang="en-GB" sz="4400" dirty="0">
                <a:solidFill>
                  <a:schemeClr val="bg1"/>
                </a:solidFill>
              </a:rPr>
              <a:t>do not use them. These layouts are not part of our corporate template.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66478E-CC82-DDC4-E285-44F5186FA8EF}"/>
              </a:ext>
            </a:extLst>
          </p:cNvPr>
          <p:cNvSpPr txBox="1"/>
          <p:nvPr userDrawn="1"/>
        </p:nvSpPr>
        <p:spPr>
          <a:xfrm>
            <a:off x="719138" y="2370138"/>
            <a:ext cx="9826625" cy="264687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6600" b="1" i="1" dirty="0">
                <a:solidFill>
                  <a:schemeClr val="bg1"/>
                </a:solidFill>
              </a:rPr>
              <a:t>Do not use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A5D99491-12E6-F691-C3B6-1E56D3E5BEA5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0CE8E280-940A-9CA6-05EF-30988A74A821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D0B93E5-EC9B-1CC2-0E61-75FEB63B4820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1" name="TextBox 10">
            <a:extLst>
              <a:ext uri="{FF2B5EF4-FFF2-40B4-BE49-F238E27FC236}">
                <a16:creationId xmlns:a16="http://schemas.microsoft.com/office/drawing/2014/main" id="{101A1C46-3C4F-8189-EA0E-23635248B2F4}"/>
              </a:ext>
            </a:extLst>
          </p:cNvPr>
          <p:cNvSpPr txBox="1"/>
          <p:nvPr userDrawn="1"/>
        </p:nvSpPr>
        <p:spPr>
          <a:xfrm>
            <a:off x="719138" y="5142277"/>
            <a:ext cx="10752137" cy="7848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Also notice: Layouts after this might contain potential confidential information.</a:t>
            </a:r>
          </a:p>
        </p:txBody>
      </p:sp>
    </p:spTree>
    <p:extLst>
      <p:ext uri="{BB962C8B-B14F-4D97-AF65-F5344CB8AC3E}">
        <p14:creationId xmlns:p14="http://schemas.microsoft.com/office/powerpoint/2010/main" val="25831857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C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>
                <a:solidFill>
                  <a:schemeClr val="accent2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1273473-00D3-EA4E-9912-9AFB4C8BEFD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97DF7FC-2311-4E03-AAFE-2DADE0839E10}" type="datetime4">
              <a:rPr lang="en-US" smtClean="0"/>
              <a:pPr/>
              <a:t>May 25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F71C5786-03E4-BADA-2C63-BC735E4C49C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c3a5e923-b36c-4b91-851e-9305afb8a8e9&quot;}}">
            <a:extLst>
              <a:ext uri="{FF2B5EF4-FFF2-40B4-BE49-F238E27FC236}">
                <a16:creationId xmlns:a16="http://schemas.microsoft.com/office/drawing/2014/main" id="{7F5AAA95-4262-DACC-6539-F83764B3EBBF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561252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3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5" name="Line top Placeholder 20">
            <a:extLst>
              <a:ext uri="{FF2B5EF4-FFF2-40B4-BE49-F238E27FC236}">
                <a16:creationId xmlns:a16="http://schemas.microsoft.com/office/drawing/2014/main" id="{A191D59F-2E4F-9DFD-FEAC-7FF6480D86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626988C-588C-2C8A-2DC0-5D2C99DF44FE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197DF7FC-2311-4E03-AAFE-2DADE0839E10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53F47F8-2FA5-B3C4-62D6-146B019264A1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7C09ABE0-4AC7-DE98-E246-798BA091147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897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4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C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2">
                    <a:lumMod val="20000"/>
                    <a:lumOff val="80000"/>
                  </a:schemeClr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25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7AE78B8-0EB3-C024-37F4-F509882235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42c188d9-4ca5-45a5-87ad-6c00ef2ce227&quot;}}">
            <a:extLst>
              <a:ext uri="{FF2B5EF4-FFF2-40B4-BE49-F238E27FC236}">
                <a16:creationId xmlns:a16="http://schemas.microsoft.com/office/drawing/2014/main" id="{5AE369FE-ED76-6EEE-3247-2A919AD7045B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024483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D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Divider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25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18E4D93D-2A45-24EA-FE18-43B286D00ED0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e66fbddf-e7c7-49c2-946c-57a2d1d3efc3&quot;}}">
            <a:extLst>
              <a:ext uri="{FF2B5EF4-FFF2-40B4-BE49-F238E27FC236}">
                <a16:creationId xmlns:a16="http://schemas.microsoft.com/office/drawing/2014/main" id="{A24A8258-9B07-0170-490D-F13D7253F271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17024408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Divider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>
                    <a:lumMod val="60000"/>
                    <a:lumOff val="40000"/>
                  </a:schemeClr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9314EBF-5BDF-4CA4-90C8-3F84A21DF94B}" type="datetimeFigureOut">
              <a:rPr lang="en-GB" smtClean="0"/>
              <a:pPr/>
              <a:t>25/05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EEFCB10F-81AA-2405-D116-45EC5887718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68f120ca-9d53-4ded-92a6-fa54b995fcfe&quot;}}">
            <a:extLst>
              <a:ext uri="{FF2B5EF4-FFF2-40B4-BE49-F238E27FC236}">
                <a16:creationId xmlns:a16="http://schemas.microsoft.com/office/drawing/2014/main" id="{A5498BB6-9C05-CEB9-2389-021308A18C51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Radiology  |  Penn Medicine</a:t>
            </a:r>
          </a:p>
        </p:txBody>
      </p:sp>
    </p:spTree>
    <p:extLst>
      <p:ext uri="{BB962C8B-B14F-4D97-AF65-F5344CB8AC3E}">
        <p14:creationId xmlns:p14="http://schemas.microsoft.com/office/powerpoint/2010/main" val="23093943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theme" Target="../theme/theme1.xml"/><Relationship Id="rId50" Type="http://schemas.openxmlformats.org/officeDocument/2006/relationships/tags" Target="../tags/tag4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tags" Target="../tags/tag2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24653DF-2095-1798-1D71-96071517C202}"/>
              </a:ext>
            </a:extLst>
          </p:cNvPr>
          <p:cNvSpPr>
            <a:spLocks noGrp="1"/>
          </p:cNvSpPr>
          <p:nvPr>
            <p:ph type="title"/>
            <p:custDataLst>
              <p:tags r:id="rId48"/>
            </p:custDataLst>
          </p:nvPr>
        </p:nvSpPr>
        <p:spPr>
          <a:xfrm>
            <a:off x="719138" y="720000"/>
            <a:ext cx="10753724" cy="9072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5B3B6BD-6FE3-BE4B-16AE-1D8275ECAA77}"/>
              </a:ext>
            </a:extLst>
          </p:cNvPr>
          <p:cNvSpPr>
            <a:spLocks noGrp="1"/>
          </p:cNvSpPr>
          <p:nvPr>
            <p:ph type="body" idx="1"/>
            <p:custDataLst>
              <p:tags r:id="rId49"/>
            </p:custDataLst>
          </p:nvPr>
        </p:nvSpPr>
        <p:spPr>
          <a:xfrm>
            <a:off x="720000" y="1713599"/>
            <a:ext cx="10752000" cy="4424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e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7FEBF82-8BAB-1E5B-37EF-020818D104B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115138" y="6439469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fld id="{197DF7FC-2311-4E03-AAFE-2DADE0839E10}" type="datetime4">
              <a:rPr lang="en-US" noProof="0" smtClean="0"/>
              <a:t>May 25, 2023</a:t>
            </a:fld>
            <a:endParaRPr lang="en-US" noProof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BFCFEF-8B6A-152F-1EE7-29B8B4C5E8D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719138" y="6439469"/>
            <a:ext cx="396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4" name="Footers" descr="{&quot;templafy&quot;:{&quot;id&quot;:&quot;0f93f8be-3028-4178-9f21-1f6d18960cb6&quot;}}">
            <a:extLst>
              <a:ext uri="{FF2B5EF4-FFF2-40B4-BE49-F238E27FC236}">
                <a16:creationId xmlns:a16="http://schemas.microsoft.com/office/drawing/2014/main" id="{C9D8BBB8-64ED-CEAF-3B7D-CCE7CC4C4579}"/>
              </a:ext>
            </a:extLst>
          </p:cNvPr>
          <p:cNvSpPr/>
          <p:nvPr userDrawn="1"/>
        </p:nvSpPr>
        <p:spPr>
          <a:xfrm>
            <a:off x="6096000" y="6439469"/>
            <a:ext cx="53720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Radiology  |  Penn Medicine</a:t>
            </a:r>
          </a:p>
        </p:txBody>
      </p:sp>
      <p:sp>
        <p:nvSpPr>
          <p:cNvPr id="19" name="Guides" hidden="1">
            <a:extLst>
              <a:ext uri="{FF2B5EF4-FFF2-40B4-BE49-F238E27FC236}">
                <a16:creationId xmlns:a16="http://schemas.microsoft.com/office/drawing/2014/main" id="{0D073D88-5C5F-430B-DE0F-D1CD684A6AE8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956081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7" r:id="rId1"/>
    <p:sldLayoutId id="2147483649" r:id="rId2"/>
    <p:sldLayoutId id="2147483658" r:id="rId3"/>
    <p:sldLayoutId id="2147483659" r:id="rId4"/>
    <p:sldLayoutId id="2147483660" r:id="rId5"/>
    <p:sldLayoutId id="2147483667" r:id="rId6"/>
    <p:sldLayoutId id="2147483666" r:id="rId7"/>
    <p:sldLayoutId id="2147483661" r:id="rId8"/>
    <p:sldLayoutId id="2147483662" r:id="rId9"/>
    <p:sldLayoutId id="2147483663" r:id="rId10"/>
    <p:sldLayoutId id="2147483664" r:id="rId11"/>
    <p:sldLayoutId id="2147483665" r:id="rId12"/>
    <p:sldLayoutId id="2147483650" r:id="rId13"/>
    <p:sldLayoutId id="2147483653" r:id="rId14"/>
    <p:sldLayoutId id="2147483668" r:id="rId15"/>
    <p:sldLayoutId id="2147483669" r:id="rId16"/>
    <p:sldLayoutId id="2147483651" r:id="rId17"/>
    <p:sldLayoutId id="2147483652" r:id="rId18"/>
    <p:sldLayoutId id="2147483654" r:id="rId19"/>
    <p:sldLayoutId id="2147483655" r:id="rId20"/>
    <p:sldLayoutId id="2147483670" r:id="rId21"/>
    <p:sldLayoutId id="2147483671" r:id="rId22"/>
    <p:sldLayoutId id="2147483672" r:id="rId23"/>
    <p:sldLayoutId id="2147483693" r:id="rId24"/>
    <p:sldLayoutId id="2147483694" r:id="rId25"/>
    <p:sldLayoutId id="2147483673" r:id="rId26"/>
    <p:sldLayoutId id="2147483674" r:id="rId27"/>
    <p:sldLayoutId id="2147483675" r:id="rId28"/>
    <p:sldLayoutId id="2147483676" r:id="rId29"/>
    <p:sldLayoutId id="2147483677" r:id="rId30"/>
    <p:sldLayoutId id="2147483678" r:id="rId31"/>
    <p:sldLayoutId id="2147483679" r:id="rId32"/>
    <p:sldLayoutId id="2147483680" r:id="rId33"/>
    <p:sldLayoutId id="2147483690" r:id="rId34"/>
    <p:sldLayoutId id="2147483681" r:id="rId35"/>
    <p:sldLayoutId id="2147483682" r:id="rId36"/>
    <p:sldLayoutId id="2147483683" r:id="rId37"/>
    <p:sldLayoutId id="2147483692" r:id="rId38"/>
    <p:sldLayoutId id="2147483684" r:id="rId39"/>
    <p:sldLayoutId id="2147483685" r:id="rId40"/>
    <p:sldLayoutId id="2147483686" r:id="rId41"/>
    <p:sldLayoutId id="2147483687" r:id="rId42"/>
    <p:sldLayoutId id="2147483688" r:id="rId43"/>
    <p:sldLayoutId id="2147483689" r:id="rId44"/>
    <p:sldLayoutId id="2147483656" r:id="rId45"/>
    <p:sldLayoutId id="2147483691" r:id="rId46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b="1" kern="1200">
          <a:solidFill>
            <a:schemeClr val="accent1"/>
          </a:solidFill>
          <a:latin typeface="+mn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250"/>
        </a:spcBef>
        <a:spcAft>
          <a:spcPts val="600"/>
        </a:spcAft>
        <a:buFont typeface="Arial" panose="020B0604020202020204" pitchFamily="34" charset="0"/>
        <a:buNone/>
        <a:defRPr sz="14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136800" indent="-136800" algn="l" defTabSz="914400" rtl="0" eaLnBrk="1" latinLnBrk="0" hangingPunct="1">
        <a:lnSpc>
          <a:spcPct val="100000"/>
        </a:lnSpc>
        <a:spcBef>
          <a:spcPts val="400"/>
        </a:spcBef>
        <a:spcAft>
          <a:spcPts val="100"/>
        </a:spcAft>
        <a:buClr>
          <a:schemeClr val="accent3"/>
        </a:buClr>
        <a:buFont typeface="Arial" panose="020B0604020202020204" pitchFamily="34" charset="0"/>
        <a:buChar char="•"/>
        <a:defRPr sz="14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320400" indent="-18360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/>
        </a:buClr>
        <a:buFont typeface="Calibri Light" panose="020F0302020204030204" pitchFamily="34" charset="0"/>
        <a:buChar char="—"/>
        <a:defRPr sz="12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504000" indent="-183600" algn="l" defTabSz="914400" rtl="0" eaLnBrk="1" latinLnBrk="0" hangingPunct="1">
        <a:lnSpc>
          <a:spcPct val="100000"/>
        </a:lnSpc>
        <a:spcBef>
          <a:spcPts val="100"/>
        </a:spcBef>
        <a:spcAft>
          <a:spcPts val="300"/>
        </a:spcAft>
        <a:buClr>
          <a:srgbClr val="9EC3E1"/>
        </a:buClr>
        <a:buFont typeface="Courier New" panose="02070309020205020404" pitchFamily="49" charset="0"/>
        <a:buChar char="o"/>
        <a:defRPr sz="1200" kern="1200">
          <a:solidFill>
            <a:schemeClr val="accent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300"/>
        </a:spcAft>
        <a:buFont typeface="Arial" panose="020B0604020202020204" pitchFamily="34" charset="0"/>
        <a:buNone/>
        <a:defRPr sz="1800" b="1" kern="1200" cap="all" spc="200" baseline="0">
          <a:solidFill>
            <a:schemeClr val="accent2"/>
          </a:solidFill>
          <a:latin typeface="+mj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None/>
        <a:defRPr sz="1600" b="1" kern="1200">
          <a:solidFill>
            <a:schemeClr val="accent3"/>
          </a:solidFill>
          <a:latin typeface="+mj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None/>
        <a:defRPr sz="1400" b="1" kern="1200" cap="all" spc="180" baseline="0">
          <a:solidFill>
            <a:schemeClr val="accent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400" b="1" kern="1200">
          <a:solidFill>
            <a:srgbClr val="990000"/>
          </a:solidFill>
          <a:latin typeface="+mj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 typeface="Arial" panose="020B0604020202020204" pitchFamily="34" charset="0"/>
        <a:buNone/>
        <a:defRPr sz="1100" kern="120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 userDrawn="1">
          <p15:clr>
            <a:srgbClr val="F26B43"/>
          </p15:clr>
        </p15:guide>
        <p15:guide id="2" pos="384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3.xml"/><Relationship Id="rId5" Type="http://schemas.openxmlformats.org/officeDocument/2006/relationships/image" Target="../media/image14.jpeg"/><Relationship Id="rId4" Type="http://schemas.openxmlformats.org/officeDocument/2006/relationships/image" Target="../media/image13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7" Type="http://schemas.openxmlformats.org/officeDocument/2006/relationships/image" Target="../media/image18.jpeg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17.jpeg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1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jpeg"/><Relationship Id="rId3" Type="http://schemas.openxmlformats.org/officeDocument/2006/relationships/slideLayout" Target="../slideLayouts/slideLayout18.xml"/><Relationship Id="rId7" Type="http://schemas.openxmlformats.org/officeDocument/2006/relationships/image" Target="../media/image23.jpe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6" Type="http://schemas.openxmlformats.org/officeDocument/2006/relationships/image" Target="../media/image22.jpeg"/><Relationship Id="rId5" Type="http://schemas.openxmlformats.org/officeDocument/2006/relationships/image" Target="../media/image21.jpeg"/><Relationship Id="rId10" Type="http://schemas.openxmlformats.org/officeDocument/2006/relationships/image" Target="../media/image26.png"/><Relationship Id="rId4" Type="http://schemas.openxmlformats.org/officeDocument/2006/relationships/image" Target="../media/image20.jpeg"/><Relationship Id="rId9" Type="http://schemas.openxmlformats.org/officeDocument/2006/relationships/image" Target="../media/image2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5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7.xml"/><Relationship Id="rId4" Type="http://schemas.openxmlformats.org/officeDocument/2006/relationships/notesSlide" Target="../notesSlides/notesSlide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0A44E20-FC1F-B58B-F256-050DF9BE797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720000" y="3537000"/>
            <a:ext cx="10733505" cy="1405800"/>
          </a:xfrm>
        </p:spPr>
        <p:txBody>
          <a:bodyPr/>
          <a:lstStyle/>
          <a:p>
            <a:pPr algn="ctr"/>
            <a:r>
              <a:rPr lang="en-US" dirty="0">
                <a:latin typeface="+mj-lt"/>
              </a:rPr>
              <a:t>Personalized functional network modeling</a:t>
            </a:r>
          </a:p>
        </p:txBody>
      </p:sp>
      <p:sp>
        <p:nvSpPr>
          <p:cNvPr id="2" name="Subtitle 1">
            <a:extLst>
              <a:ext uri="{FF2B5EF4-FFF2-40B4-BE49-F238E27FC236}">
                <a16:creationId xmlns:a16="http://schemas.microsoft.com/office/drawing/2014/main" id="{702FB05C-DD6E-7930-62AF-4F0317DF64C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00" y="2140181"/>
            <a:ext cx="10733504" cy="312073"/>
          </a:xfrm>
        </p:spPr>
        <p:txBody>
          <a:bodyPr/>
          <a:lstStyle/>
          <a:p>
            <a:r>
              <a:rPr lang="en-US" sz="4000" b="1" cap="none" dirty="0" err="1">
                <a:solidFill>
                  <a:schemeClr val="bg2"/>
                </a:solidFill>
                <a:effectLst/>
                <a:latin typeface="Segoe Print" panose="02000600000000000000" pitchFamily="2" charset="0"/>
                <a:ea typeface="Calibri" panose="020F0502020204030204" pitchFamily="34" charset="0"/>
                <a:cs typeface="Arial" panose="020B0604020202020204" pitchFamily="34" charset="0"/>
              </a:rPr>
              <a:t>ni</a:t>
            </a:r>
            <a:r>
              <a:rPr lang="en-US" sz="4000" b="1" dirty="0" err="1">
                <a:solidFill>
                  <a:schemeClr val="bg2"/>
                </a:solidFill>
                <a:effectLst/>
                <a:latin typeface="Segoe Print" panose="02000600000000000000" pitchFamily="2" charset="0"/>
                <a:ea typeface="Calibri" panose="020F0502020204030204" pitchFamily="34" charset="0"/>
                <a:cs typeface="Arial" panose="020B0604020202020204" pitchFamily="34" charset="0"/>
              </a:rPr>
              <a:t>CHART</a:t>
            </a:r>
            <a:r>
              <a:rPr lang="en-US" sz="1800" dirty="0"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 (</a:t>
            </a:r>
            <a:r>
              <a:rPr lang="en-US" dirty="0"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NeuroImaging Computational Harmonization and Artificial intelligence Toolbox</a:t>
            </a:r>
            <a:r>
              <a:rPr lang="en-US" sz="1800" dirty="0"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)</a:t>
            </a:r>
            <a:endParaRPr lang="en-US" sz="3200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3A8AB653-73E8-05CF-EE6A-C97CDC39818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F17925E-7101-C045-A69F-C62D62D8A8D8}" type="datetime4">
              <a:rPr lang="en-US" smtClean="0"/>
              <a:pPr/>
              <a:t>May 25, 2023</a:t>
            </a:fld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EC84101C-A2D4-F3D2-9A15-C052B27863E3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0122384B-1816-8BC0-7ECC-62BC11EC0B3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en-US" dirty="0"/>
              <a:t>Yong Fan, PhD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548B583-C9FA-A4E6-A373-DD5416991021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r>
              <a:rPr lang="en-US" dirty="0"/>
              <a:t>Associate Professor of Radiology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524166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6" name="Picture 12">
            <a:extLst>
              <a:ext uri="{FF2B5EF4-FFF2-40B4-BE49-F238E27FC236}">
                <a16:creationId xmlns:a16="http://schemas.microsoft.com/office/drawing/2014/main" id="{CCE5B0A0-47DE-E949-A2F0-F686E336C4AD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6587"/>
          <a:stretch/>
        </p:blipFill>
        <p:spPr bwMode="auto">
          <a:xfrm>
            <a:off x="655074" y="3284651"/>
            <a:ext cx="5395275" cy="202119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72E32D22-0F12-6B1A-9422-0A78B340BB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latin typeface="+mj-lt"/>
              </a:rPr>
              <a:t>Personalized functional network (</a:t>
            </a:r>
            <a:r>
              <a:rPr lang="en-US" i="1" dirty="0">
                <a:latin typeface="+mj-lt"/>
              </a:rPr>
              <a:t>p</a:t>
            </a:r>
            <a:r>
              <a:rPr lang="en-US" dirty="0">
                <a:latin typeface="+mj-lt"/>
              </a:rPr>
              <a:t>Net) model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01E5228-0E5C-7AC7-2948-ACC15E5BD49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5709" y="1689099"/>
            <a:ext cx="5896815" cy="1607725"/>
          </a:xfrm>
        </p:spPr>
        <p:txBody>
          <a:bodyPr/>
          <a:lstStyle/>
          <a:p>
            <a:pPr marL="285750" indent="-285750">
              <a:buFont typeface="Wingdings" panose="05000000000000000000" pitchFamily="2" charset="2"/>
              <a:buChar char="q"/>
            </a:pPr>
            <a:r>
              <a:rPr lang="en-US" sz="1800" b="1" dirty="0">
                <a:solidFill>
                  <a:schemeClr val="tx1"/>
                </a:solidFill>
                <a:latin typeface="+mj-lt"/>
              </a:rPr>
              <a:t>Optimize </a:t>
            </a:r>
            <a:r>
              <a:rPr lang="en-US" sz="1800" b="1" i="1" dirty="0">
                <a:solidFill>
                  <a:srgbClr val="0000FF"/>
                </a:solidFill>
                <a:latin typeface="+mj-lt"/>
              </a:rPr>
              <a:t>functional coherence </a:t>
            </a:r>
            <a:r>
              <a:rPr lang="en-US" sz="1800" b="1" dirty="0">
                <a:solidFill>
                  <a:schemeClr val="tx1"/>
                </a:solidFill>
                <a:latin typeface="+mj-lt"/>
              </a:rPr>
              <a:t>of functional networks with enhanced interpretability using NMF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en-US" sz="1800" b="1" dirty="0">
                <a:solidFill>
                  <a:schemeClr val="tx1"/>
                </a:solidFill>
                <a:latin typeface="+mj-lt"/>
              </a:rPr>
              <a:t>Regularize the personalized functional networks </a:t>
            </a:r>
            <a:r>
              <a:rPr lang="en-US" sz="1800" b="1" i="1" dirty="0">
                <a:solidFill>
                  <a:schemeClr val="tx1"/>
                </a:solidFill>
                <a:latin typeface="+mj-lt"/>
              </a:rPr>
              <a:t>to have </a:t>
            </a:r>
            <a:r>
              <a:rPr lang="en-US" sz="1800" b="1" i="1" dirty="0">
                <a:solidFill>
                  <a:srgbClr val="0000FF"/>
                </a:solidFill>
                <a:latin typeface="+mj-lt"/>
              </a:rPr>
              <a:t>common spatial patterns</a:t>
            </a:r>
            <a:r>
              <a:rPr lang="en-US" sz="1800" b="1" dirty="0">
                <a:solidFill>
                  <a:schemeClr val="tx1"/>
                </a:solidFill>
                <a:latin typeface="+mj-lt"/>
              </a:rPr>
              <a:t> across subjects through group sparsit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3D55F77-C873-403F-3B5D-32CF6BF364A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97ECFD5-E07E-4246-A3BA-6245CC117A65}" type="datetime4">
              <a:rPr lang="en-US" noProof="0" smtClean="0"/>
              <a:t>May 25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14FCF1C-F066-EFD1-3834-745D256E671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</a:t>
            </a:fld>
            <a:endParaRPr lang="en-US" noProof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4D46AC8-F54D-BAC5-47B3-D6A835B5DC7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sz="1800" b="1" dirty="0">
                <a:solidFill>
                  <a:srgbClr val="0000FF"/>
                </a:solidFill>
                <a:latin typeface="+mj-lt"/>
              </a:rPr>
              <a:t>GSR-NMF: </a:t>
            </a:r>
            <a:r>
              <a:rPr lang="en-US" sz="1800" b="1" cap="none" dirty="0">
                <a:solidFill>
                  <a:schemeClr val="tx1"/>
                </a:solidFill>
                <a:latin typeface="+mj-lt"/>
              </a:rPr>
              <a:t>Group Sparsity </a:t>
            </a:r>
            <a:r>
              <a:rPr lang="en-US" cap="none" dirty="0">
                <a:solidFill>
                  <a:schemeClr val="tx1"/>
                </a:solidFill>
              </a:rPr>
              <a:t>R</a:t>
            </a:r>
            <a:r>
              <a:rPr lang="en-US" sz="1800" b="1" cap="none" dirty="0">
                <a:solidFill>
                  <a:schemeClr val="tx1"/>
                </a:solidFill>
                <a:latin typeface="+mj-lt"/>
              </a:rPr>
              <a:t>egularized Nonnegative </a:t>
            </a:r>
            <a:r>
              <a:rPr lang="en-US" cap="none" dirty="0">
                <a:solidFill>
                  <a:schemeClr val="tx1"/>
                </a:solidFill>
              </a:rPr>
              <a:t>M</a:t>
            </a:r>
            <a:r>
              <a:rPr lang="en-US" sz="1800" b="1" cap="none" dirty="0">
                <a:solidFill>
                  <a:schemeClr val="tx1"/>
                </a:solidFill>
                <a:latin typeface="+mj-lt"/>
              </a:rPr>
              <a:t>atrix </a:t>
            </a:r>
            <a:r>
              <a:rPr lang="en-US" cap="none" dirty="0">
                <a:solidFill>
                  <a:schemeClr val="tx1"/>
                </a:solidFill>
              </a:rPr>
              <a:t>F</a:t>
            </a:r>
            <a:r>
              <a:rPr lang="en-US" sz="1800" b="1" cap="none" dirty="0">
                <a:solidFill>
                  <a:schemeClr val="tx1"/>
                </a:solidFill>
                <a:latin typeface="+mj-lt"/>
              </a:rPr>
              <a:t>actorization</a:t>
            </a:r>
            <a:endParaRPr lang="en-US" cap="none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5D9E66B-F570-2BEA-74EA-9D17C8C971F3}"/>
              </a:ext>
            </a:extLst>
          </p:cNvPr>
          <p:cNvSpPr txBox="1"/>
          <p:nvPr/>
        </p:nvSpPr>
        <p:spPr>
          <a:xfrm>
            <a:off x="6477819" y="5408899"/>
            <a:ext cx="5551548" cy="984885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600" b="1" dirty="0">
                <a:latin typeface="+mj-lt"/>
              </a:rPr>
              <a:t>Personalized functional networks </a:t>
            </a:r>
            <a:r>
              <a:rPr lang="en-US" sz="1600" dirty="0">
                <a:latin typeface="+mj-lt"/>
              </a:rPr>
              <a:t>delineated using rsfMRI tightly aligned with individual-specific activation patterns computed from motor-tasked fMRI data. (LF: left foot, LH: left hand, RF: right foot, RH: right hand, T: tongue, CUE: cue).</a:t>
            </a:r>
          </a:p>
        </p:txBody>
      </p:sp>
      <p:sp>
        <p:nvSpPr>
          <p:cNvPr id="20" name="Rectangle 5">
            <a:extLst>
              <a:ext uri="{FF2B5EF4-FFF2-40B4-BE49-F238E27FC236}">
                <a16:creationId xmlns:a16="http://schemas.microsoft.com/office/drawing/2014/main" id="{7402CE55-2C99-A36F-13DA-061B24308607}"/>
              </a:ext>
            </a:extLst>
          </p:cNvPr>
          <p:cNvSpPr>
            <a:spLocks noChangeArrowheads="1"/>
          </p:cNvSpPr>
          <p:nvPr/>
        </p:nvSpPr>
        <p:spPr bwMode="auto">
          <a:xfrm>
            <a:off x="0" y="2286000"/>
            <a:ext cx="121920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US"/>
          </a:p>
        </p:txBody>
      </p:sp>
      <p:pic>
        <p:nvPicPr>
          <p:cNvPr id="1034" name="Picture 10">
            <a:extLst>
              <a:ext uri="{FF2B5EF4-FFF2-40B4-BE49-F238E27FC236}">
                <a16:creationId xmlns:a16="http://schemas.microsoft.com/office/drawing/2014/main" id="{47863955-4263-D637-6C7D-75259AD11C1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45484" y="1611482"/>
            <a:ext cx="4983042" cy="3728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8" name="TextBox 27">
            <a:extLst>
              <a:ext uri="{FF2B5EF4-FFF2-40B4-BE49-F238E27FC236}">
                <a16:creationId xmlns:a16="http://schemas.microsoft.com/office/drawing/2014/main" id="{EFFCC4FE-0D09-FBD1-5AF3-4312B25D5C4F}"/>
              </a:ext>
            </a:extLst>
          </p:cNvPr>
          <p:cNvSpPr txBox="1"/>
          <p:nvPr/>
        </p:nvSpPr>
        <p:spPr>
          <a:xfrm>
            <a:off x="572229" y="5408899"/>
            <a:ext cx="5816923" cy="984885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600" b="1" dirty="0">
                <a:latin typeface="+mj-lt"/>
              </a:rPr>
              <a:t>GSR-NMF</a:t>
            </a:r>
            <a:r>
              <a:rPr lang="en-US" sz="1600" dirty="0">
                <a:latin typeface="+mj-lt"/>
              </a:rPr>
              <a:t> can better delineate personalized functional networks in terms of functional coherence and yield functional connectivity measures with better discriminative performance for distinguishing subjects with different characteristics.  </a:t>
            </a:r>
            <a:r>
              <a:rPr lang="en-US" sz="1600" b="1" i="1" dirty="0">
                <a:solidFill>
                  <a:srgbClr val="0000FF"/>
                </a:solidFill>
                <a:latin typeface="Arial" panose="020B0604020202020204" pitchFamily="34" charset="0"/>
              </a:rPr>
              <a:t>Neuroimage, 2017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998986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E32D22-0F12-6B1A-9422-0A78B340BB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latin typeface="+mj-lt"/>
              </a:rPr>
              <a:t>Personalized functional network (pNet) modeling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3D55F77-C873-403F-3B5D-32CF6BF364A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97ECFD5-E07E-4246-A3BA-6245CC117A65}" type="datetime4">
              <a:rPr lang="en-US" noProof="0" smtClean="0"/>
              <a:t>May 25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14FCF1C-F066-EFD1-3834-745D256E671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3</a:t>
            </a:fld>
            <a:endParaRPr lang="en-US" noProof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4D46AC8-F54D-BAC5-47B3-D6A835B5DC7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sz="1800" b="1" dirty="0">
                <a:solidFill>
                  <a:srgbClr val="0000FF"/>
                </a:solidFill>
                <a:latin typeface="+mj-lt"/>
              </a:rPr>
              <a:t>GSR-NMF: </a:t>
            </a:r>
            <a:r>
              <a:rPr lang="en-US" sz="1800" b="1" cap="none" dirty="0">
                <a:solidFill>
                  <a:schemeClr val="tx1"/>
                </a:solidFill>
                <a:latin typeface="+mj-lt"/>
              </a:rPr>
              <a:t>Group Sparsity </a:t>
            </a:r>
            <a:r>
              <a:rPr lang="en-US" cap="none" dirty="0">
                <a:solidFill>
                  <a:schemeClr val="tx1"/>
                </a:solidFill>
              </a:rPr>
              <a:t>R</a:t>
            </a:r>
            <a:r>
              <a:rPr lang="en-US" sz="1800" b="1" cap="none" dirty="0">
                <a:solidFill>
                  <a:schemeClr val="tx1"/>
                </a:solidFill>
                <a:latin typeface="+mj-lt"/>
              </a:rPr>
              <a:t>egularized Nonnegative </a:t>
            </a:r>
            <a:r>
              <a:rPr lang="en-US" cap="none" dirty="0">
                <a:solidFill>
                  <a:schemeClr val="tx1"/>
                </a:solidFill>
              </a:rPr>
              <a:t>M</a:t>
            </a:r>
            <a:r>
              <a:rPr lang="en-US" sz="1800" b="1" cap="none" dirty="0">
                <a:solidFill>
                  <a:schemeClr val="tx1"/>
                </a:solidFill>
                <a:latin typeface="+mj-lt"/>
              </a:rPr>
              <a:t>atrix </a:t>
            </a:r>
            <a:r>
              <a:rPr lang="en-US" cap="none" dirty="0">
                <a:solidFill>
                  <a:schemeClr val="tx1"/>
                </a:solidFill>
              </a:rPr>
              <a:t>F</a:t>
            </a:r>
            <a:r>
              <a:rPr lang="en-US" sz="1800" b="1" cap="none" dirty="0">
                <a:solidFill>
                  <a:schemeClr val="tx1"/>
                </a:solidFill>
                <a:latin typeface="+mj-lt"/>
              </a:rPr>
              <a:t>actorization</a:t>
            </a:r>
            <a:endParaRPr lang="en-US" cap="non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D8D6D4E3-E228-0326-968E-839BC6CC5CF1}"/>
              </a:ext>
            </a:extLst>
          </p:cNvPr>
          <p:cNvSpPr txBox="1"/>
          <p:nvPr/>
        </p:nvSpPr>
        <p:spPr>
          <a:xfrm>
            <a:off x="970085" y="5935161"/>
            <a:ext cx="10251831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b="1" dirty="0">
                <a:latin typeface="+mj-lt"/>
              </a:rPr>
              <a:t>The method has been used in large scale studies, </a:t>
            </a:r>
          </a:p>
          <a:p>
            <a:pPr algn="ctr"/>
            <a:r>
              <a:rPr lang="en-US" sz="2000" b="1" dirty="0">
                <a:latin typeface="+mj-lt"/>
              </a:rPr>
              <a:t>yielding biologically meaningful, statistically significant results</a:t>
            </a:r>
          </a:p>
        </p:txBody>
      </p:sp>
      <p:sp>
        <p:nvSpPr>
          <p:cNvPr id="20" name="Rectangle 5">
            <a:extLst>
              <a:ext uri="{FF2B5EF4-FFF2-40B4-BE49-F238E27FC236}">
                <a16:creationId xmlns:a16="http://schemas.microsoft.com/office/drawing/2014/main" id="{7402CE55-2C99-A36F-13DA-061B24308607}"/>
              </a:ext>
            </a:extLst>
          </p:cNvPr>
          <p:cNvSpPr>
            <a:spLocks noChangeArrowheads="1"/>
          </p:cNvSpPr>
          <p:nvPr/>
        </p:nvSpPr>
        <p:spPr bwMode="auto">
          <a:xfrm>
            <a:off x="0" y="2286000"/>
            <a:ext cx="121920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US"/>
          </a:p>
        </p:txBody>
      </p:sp>
      <p:grpSp>
        <p:nvGrpSpPr>
          <p:cNvPr id="22" name="Group 21">
            <a:extLst>
              <a:ext uri="{FF2B5EF4-FFF2-40B4-BE49-F238E27FC236}">
                <a16:creationId xmlns:a16="http://schemas.microsoft.com/office/drawing/2014/main" id="{9842D849-7D65-535D-105F-C48A539626BC}"/>
              </a:ext>
            </a:extLst>
          </p:cNvPr>
          <p:cNvGrpSpPr/>
          <p:nvPr/>
        </p:nvGrpSpPr>
        <p:grpSpPr>
          <a:xfrm>
            <a:off x="246849" y="1675802"/>
            <a:ext cx="7591071" cy="1843385"/>
            <a:chOff x="4567778" y="3894823"/>
            <a:chExt cx="7591071" cy="1843385"/>
          </a:xfrm>
        </p:grpSpPr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A5D9E66B-F570-2BEA-74EA-9D17C8C971F3}"/>
                </a:ext>
              </a:extLst>
            </p:cNvPr>
            <p:cNvSpPr txBox="1"/>
            <p:nvPr/>
          </p:nvSpPr>
          <p:spPr>
            <a:xfrm>
              <a:off x="9635684" y="3986696"/>
              <a:ext cx="2523165" cy="1477328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b="1" i="1" dirty="0">
                  <a:latin typeface="+mj-lt"/>
                  <a:ea typeface="Arial" panose="020B0604020202020204" pitchFamily="34" charset="0"/>
                </a:rPr>
                <a:t>Personalized functional networks </a:t>
              </a:r>
              <a:r>
                <a:rPr lang="en-US" sz="1800" dirty="0">
                  <a:effectLst/>
                  <a:latin typeface="Arial" panose="020B0604020202020204" pitchFamily="34" charset="0"/>
                  <a:ea typeface="Arial" panose="020B0604020202020204" pitchFamily="34" charset="0"/>
                </a:rPr>
                <a:t>accurately predict brain states across multiple tasks.</a:t>
              </a:r>
              <a:endParaRPr lang="en-US" b="1" i="1" dirty="0">
                <a:solidFill>
                  <a:schemeClr val="accent1"/>
                </a:solidFill>
                <a:latin typeface="+mj-lt"/>
              </a:endParaRPr>
            </a:p>
            <a:p>
              <a:r>
                <a:rPr lang="en-US" sz="1600" b="1" i="1" dirty="0">
                  <a:solidFill>
                    <a:srgbClr val="0000FF"/>
                  </a:solidFill>
                  <a:latin typeface="Arial" panose="020B0604020202020204" pitchFamily="34" charset="0"/>
                </a:rPr>
                <a:t>Neuroimage</a:t>
              </a:r>
              <a:r>
                <a:rPr lang="en-US" b="1" dirty="0">
                  <a:solidFill>
                    <a:schemeClr val="accent1"/>
                  </a:solidFill>
                  <a:latin typeface="+mj-lt"/>
                </a:rPr>
                <a:t>, 2019</a:t>
              </a:r>
              <a:endParaRPr lang="en-US" b="1" dirty="0"/>
            </a:p>
          </p:txBody>
        </p:sp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EF312225-17D0-29FB-61A2-1D3776294F74}"/>
                </a:ext>
              </a:extLst>
            </p:cNvPr>
            <p:cNvGrpSpPr/>
            <p:nvPr/>
          </p:nvGrpSpPr>
          <p:grpSpPr>
            <a:xfrm>
              <a:off x="4567778" y="3894823"/>
              <a:ext cx="5123261" cy="1843385"/>
              <a:chOff x="6423891" y="3825895"/>
              <a:chExt cx="5123261" cy="1843385"/>
            </a:xfrm>
          </p:grpSpPr>
          <p:pic>
            <p:nvPicPr>
              <p:cNvPr id="14" name="Picture 58">
                <a:extLst>
                  <a:ext uri="{FF2B5EF4-FFF2-40B4-BE49-F238E27FC236}">
                    <a16:creationId xmlns:a16="http://schemas.microsoft.com/office/drawing/2014/main" id="{C6B73A76-A798-14A5-308A-19B405E2064E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1245" t="10907" r="88998" b="6985"/>
              <a:stretch>
                <a:fillRect/>
              </a:stretch>
            </p:blipFill>
            <p:spPr bwMode="auto">
              <a:xfrm>
                <a:off x="6423891" y="3840480"/>
                <a:ext cx="660400" cy="1828800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15" name="Picture 59">
                <a:extLst>
                  <a:ext uri="{FF2B5EF4-FFF2-40B4-BE49-F238E27FC236}">
                    <a16:creationId xmlns:a16="http://schemas.microsoft.com/office/drawing/2014/main" id="{905090A1-B3C9-2471-850D-B1AEE1556E7E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63069" t="10907" r="2422" b="6985"/>
              <a:stretch>
                <a:fillRect/>
              </a:stretch>
            </p:blipFill>
            <p:spPr bwMode="auto">
              <a:xfrm>
                <a:off x="7073840" y="3825895"/>
                <a:ext cx="2352678" cy="1828800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16" name="Picture 62">
                <a:extLst>
                  <a:ext uri="{FF2B5EF4-FFF2-40B4-BE49-F238E27FC236}">
                    <a16:creationId xmlns:a16="http://schemas.microsoft.com/office/drawing/2014/main" id="{C1E338B2-729C-8207-DF45-00FD12F6A2FB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5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2615" t="3374" r="3236" b="7947"/>
              <a:stretch>
                <a:fillRect/>
              </a:stretch>
            </p:blipFill>
            <p:spPr bwMode="auto">
              <a:xfrm>
                <a:off x="9388152" y="3825895"/>
                <a:ext cx="2159000" cy="1828800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</p:grpSp>
      <p:pic>
        <p:nvPicPr>
          <p:cNvPr id="17" name="Picture 2">
            <a:extLst>
              <a:ext uri="{FF2B5EF4-FFF2-40B4-BE49-F238E27FC236}">
                <a16:creationId xmlns:a16="http://schemas.microsoft.com/office/drawing/2014/main" id="{AECA4CF1-9B9D-CA20-623D-D641DAA9955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3599" y="1553308"/>
            <a:ext cx="4025223" cy="402336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23" name="Group 22">
            <a:extLst>
              <a:ext uri="{FF2B5EF4-FFF2-40B4-BE49-F238E27FC236}">
                <a16:creationId xmlns:a16="http://schemas.microsoft.com/office/drawing/2014/main" id="{2EE8A3A5-9FCD-D62D-D725-64FA408D91E0}"/>
              </a:ext>
            </a:extLst>
          </p:cNvPr>
          <p:cNvGrpSpPr/>
          <p:nvPr/>
        </p:nvGrpSpPr>
        <p:grpSpPr>
          <a:xfrm>
            <a:off x="246849" y="3846986"/>
            <a:ext cx="7591071" cy="2011680"/>
            <a:chOff x="4567324" y="1633800"/>
            <a:chExt cx="7591071" cy="2011680"/>
          </a:xfrm>
        </p:grpSpPr>
        <p:pic>
          <p:nvPicPr>
            <p:cNvPr id="18" name="Picture 17" descr="Chart, scatter chart&#10;&#10;Description automatically generated">
              <a:extLst>
                <a:ext uri="{FF2B5EF4-FFF2-40B4-BE49-F238E27FC236}">
                  <a16:creationId xmlns:a16="http://schemas.microsoft.com/office/drawing/2014/main" id="{97A2B681-6803-69B4-70ED-CD24DD5A3B42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567324" y="1633800"/>
              <a:ext cx="1627684" cy="2011680"/>
            </a:xfrm>
            <a:prstGeom prst="rect">
              <a:avLst/>
            </a:prstGeom>
          </p:spPr>
        </p:pic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A92DEE99-CB28-A224-D9A9-3DD9E2968FDE}"/>
                </a:ext>
              </a:extLst>
            </p:cNvPr>
            <p:cNvSpPr txBox="1"/>
            <p:nvPr/>
          </p:nvSpPr>
          <p:spPr>
            <a:xfrm>
              <a:off x="6292131" y="1701286"/>
              <a:ext cx="5866264" cy="1723549"/>
            </a:xfrm>
            <a:prstGeom prst="rect">
              <a:avLst/>
            </a:prstGeom>
            <a:noFill/>
          </p:spPr>
          <p:txBody>
            <a:bodyPr wrap="square" lIns="0" tIns="0" rIns="0" bIns="0">
              <a:spAutoFit/>
            </a:bodyPr>
            <a:lstStyle/>
            <a:p>
              <a:r>
                <a:rPr lang="en-US" sz="1600" dirty="0">
                  <a:solidFill>
                    <a:srgbClr val="000000"/>
                  </a:solidFill>
                  <a:effectLst/>
                  <a:latin typeface="Arial" panose="020B0604020202020204" pitchFamily="34" charset="0"/>
                  <a:ea typeface="Arial" panose="020B0604020202020204" pitchFamily="34" charset="0"/>
                </a:rPr>
                <a:t>Functional topography of the </a:t>
              </a:r>
              <a:r>
                <a:rPr lang="en-US" sz="1600" dirty="0">
                  <a:solidFill>
                    <a:srgbClr val="000000"/>
                  </a:solidFill>
                  <a:latin typeface="Arial" panose="020B0604020202020204" pitchFamily="34" charset="0"/>
                  <a:ea typeface="Arial" panose="020B0604020202020204" pitchFamily="34" charset="0"/>
                </a:rPr>
                <a:t>personalized functional networks </a:t>
              </a:r>
              <a:r>
                <a:rPr lang="en-US" sz="1600" dirty="0">
                  <a:solidFill>
                    <a:srgbClr val="000000"/>
                  </a:solidFill>
                  <a:effectLst/>
                  <a:latin typeface="Arial" panose="020B0604020202020204" pitchFamily="34" charset="0"/>
                  <a:ea typeface="Arial" panose="020B0604020202020204" pitchFamily="34" charset="0"/>
                </a:rPr>
                <a:t>accurately predicts executive function (</a:t>
              </a:r>
              <a:r>
                <a:rPr lang="en-US" sz="1600" b="1" i="1" dirty="0">
                  <a:solidFill>
                    <a:srgbClr val="0000FF"/>
                  </a:solidFill>
                  <a:effectLst/>
                  <a:latin typeface="Arial" panose="020B0604020202020204" pitchFamily="34" charset="0"/>
                  <a:ea typeface="Arial" panose="020B0604020202020204" pitchFamily="34" charset="0"/>
                </a:rPr>
                <a:t>Neuron</a:t>
              </a:r>
              <a:r>
                <a:rPr lang="en-US" sz="1600" dirty="0">
                  <a:solidFill>
                    <a:srgbClr val="000000"/>
                  </a:solidFill>
                  <a:effectLst/>
                  <a:latin typeface="Arial" panose="020B0604020202020204" pitchFamily="34" charset="0"/>
                  <a:ea typeface="Arial" panose="020B0604020202020204" pitchFamily="34" charset="0"/>
                </a:rPr>
                <a:t>, 2020) and</a:t>
              </a:r>
              <a:r>
                <a:rPr lang="en-US" sz="1600" dirty="0">
                  <a:solidFill>
                    <a:srgbClr val="000000"/>
                  </a:solidFill>
                  <a:latin typeface="Arial" panose="020B0604020202020204" pitchFamily="34" charset="0"/>
                  <a:ea typeface="Arial" panose="020B0604020202020204" pitchFamily="34" charset="0"/>
                </a:rPr>
                <a:t> p</a:t>
              </a:r>
              <a:r>
                <a:rPr lang="en-US" sz="1600" dirty="0">
                  <a:solidFill>
                    <a:srgbClr val="000000"/>
                  </a:solidFill>
                  <a:effectLst/>
                  <a:latin typeface="Arial" panose="020B0604020202020204" pitchFamily="34" charset="0"/>
                  <a:ea typeface="Arial" panose="020B0604020202020204" pitchFamily="34" charset="0"/>
                </a:rPr>
                <a:t>sychopathology (</a:t>
              </a:r>
              <a:r>
                <a:rPr lang="en-US" sz="1600" b="1" i="1" dirty="0">
                  <a:solidFill>
                    <a:srgbClr val="0000FF"/>
                  </a:solidFill>
                  <a:latin typeface="Arial" panose="020B0604020202020204" pitchFamily="34" charset="0"/>
                </a:rPr>
                <a:t>Biol. Psychiatry</a:t>
              </a:r>
              <a:r>
                <a:rPr lang="en-US" sz="1600" dirty="0">
                  <a:solidFill>
                    <a:srgbClr val="000000"/>
                  </a:solidFill>
                  <a:effectLst/>
                  <a:latin typeface="Arial" panose="020B0604020202020204" pitchFamily="34" charset="0"/>
                  <a:ea typeface="Arial" panose="020B0604020202020204" pitchFamily="34" charset="0"/>
                </a:rPr>
                <a:t>, 2022), and effectively characterizes sex differences in association networks in youth (</a:t>
              </a:r>
              <a:r>
                <a:rPr lang="en-US" sz="1600" b="1" i="1" dirty="0">
                  <a:solidFill>
                    <a:srgbClr val="0000FF"/>
                  </a:solidFill>
                  <a:latin typeface="Arial" panose="020B0604020202020204" pitchFamily="34" charset="0"/>
                </a:rPr>
                <a:t>PNAS</a:t>
              </a:r>
              <a:r>
                <a:rPr lang="en-US" sz="1600" dirty="0">
                  <a:solidFill>
                    <a:srgbClr val="000000"/>
                  </a:solidFill>
                  <a:effectLst/>
                  <a:latin typeface="Arial" panose="020B0604020202020204" pitchFamily="34" charset="0"/>
                  <a:ea typeface="Arial" panose="020B0604020202020204" pitchFamily="34" charset="0"/>
                </a:rPr>
                <a:t>, 2022). </a:t>
              </a:r>
              <a:r>
                <a:rPr lang="en-US" sz="1600" dirty="0">
                  <a:solidFill>
                    <a:srgbClr val="000000"/>
                  </a:solidFill>
                  <a:latin typeface="Arial" panose="020B0604020202020204" pitchFamily="34" charset="0"/>
                </a:rPr>
                <a:t>The method also enables to identify multi-scale patterns of network re-organization that is related to neurocognitive development (</a:t>
              </a:r>
              <a:r>
                <a:rPr lang="en-US" sz="1600" b="1" i="1" dirty="0">
                  <a:solidFill>
                    <a:srgbClr val="0000FF"/>
                  </a:solidFill>
                  <a:latin typeface="Arial" panose="020B0604020202020204" pitchFamily="34" charset="0"/>
                </a:rPr>
                <a:t>Nature Communications</a:t>
              </a:r>
              <a:r>
                <a:rPr lang="en-US" sz="1600" dirty="0">
                  <a:solidFill>
                    <a:srgbClr val="000000"/>
                  </a:solidFill>
                  <a:effectLst/>
                  <a:latin typeface="Arial" panose="020B0604020202020204" pitchFamily="34" charset="0"/>
                  <a:ea typeface="Arial" panose="020B0604020202020204" pitchFamily="34" charset="0"/>
                </a:rPr>
                <a:t>, 2022). </a:t>
              </a:r>
              <a:endParaRPr lang="en-US" sz="1400" b="1" i="1" dirty="0">
                <a:solidFill>
                  <a:schemeClr val="accent1"/>
                </a:solidFill>
                <a:latin typeface="+mj-lt"/>
              </a:endParaRPr>
            </a:p>
          </p:txBody>
        </p:sp>
      </p:grpSp>
      <p:sp>
        <p:nvSpPr>
          <p:cNvPr id="3" name="TextBox 2">
            <a:extLst>
              <a:ext uri="{FF2B5EF4-FFF2-40B4-BE49-F238E27FC236}">
                <a16:creationId xmlns:a16="http://schemas.microsoft.com/office/drawing/2014/main" id="{5027879E-476B-65BF-B494-055FF5A052FB}"/>
              </a:ext>
            </a:extLst>
          </p:cNvPr>
          <p:cNvSpPr txBox="1"/>
          <p:nvPr/>
        </p:nvSpPr>
        <p:spPr>
          <a:xfrm>
            <a:off x="7940045" y="5594825"/>
            <a:ext cx="3710262" cy="276999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  <a:latin typeface="+mj-lt"/>
              </a:rPr>
              <a:t>Cui et al., Neuron 20; Biol. Psychiatry 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02435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AF182C-85A4-D4AF-4CE1-DD3F67CDE2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>
                <a:latin typeface="+mj-lt"/>
              </a:rPr>
              <a:t>Multiscale functional connectivity patterns of the aging brain learned from harmonized rsfMRI data of </a:t>
            </a:r>
            <a:r>
              <a:rPr lang="en-US" sz="2800" i="0" dirty="0" err="1">
                <a:solidFill>
                  <a:srgbClr val="2E2E2E"/>
                </a:solidFill>
                <a:effectLst/>
                <a:latin typeface="Baguet Script" panose="020B0604020202020204" pitchFamily="2" charset="0"/>
              </a:rPr>
              <a:t>niCHART</a:t>
            </a:r>
            <a:r>
              <a:rPr lang="en-US" sz="2800" i="0" dirty="0">
                <a:solidFill>
                  <a:srgbClr val="2E2E2E"/>
                </a:solidFill>
                <a:effectLst/>
                <a:latin typeface="Forte" panose="03060902040502070203" pitchFamily="66" charset="0"/>
              </a:rPr>
              <a:t> </a:t>
            </a:r>
            <a:r>
              <a:rPr lang="en-US" sz="3200" dirty="0">
                <a:latin typeface="+mj-lt"/>
              </a:rPr>
              <a:t>cohor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3B45B8-8708-5408-1A06-5D3BA707003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1648488"/>
            <a:ext cx="4763224" cy="4547537"/>
          </a:xfrm>
        </p:spPr>
        <p:txBody>
          <a:bodyPr/>
          <a:lstStyle/>
          <a:p>
            <a:pPr marL="342900" indent="-342900">
              <a:spcBef>
                <a:spcPts val="0"/>
              </a:spcBef>
              <a:spcAft>
                <a:spcPts val="0"/>
              </a:spcAft>
              <a:buFont typeface="Wingdings" panose="05000000000000000000" pitchFamily="2" charset="2"/>
              <a:buChar char="q"/>
            </a:pPr>
            <a:r>
              <a:rPr lang="en-US" sz="2000" dirty="0">
                <a:latin typeface="+mj-lt"/>
              </a:rPr>
              <a:t>GSR-NMF learned personalized functional networks of the aging brain from fMRI scans of </a:t>
            </a:r>
            <a:r>
              <a:rPr lang="en-US" sz="2000" b="1" dirty="0">
                <a:latin typeface="+mj-lt"/>
              </a:rPr>
              <a:t>4186</a:t>
            </a:r>
            <a:r>
              <a:rPr lang="en-US" sz="2000" dirty="0">
                <a:latin typeface="+mj-lt"/>
              </a:rPr>
              <a:t> individuals from </a:t>
            </a:r>
            <a:r>
              <a:rPr lang="en-US" sz="2000" b="1" dirty="0">
                <a:latin typeface="+mj-lt"/>
              </a:rPr>
              <a:t>five cohorts</a:t>
            </a:r>
            <a:endParaRPr lang="en-US" sz="2000" dirty="0">
              <a:latin typeface="+mj-lt"/>
            </a:endParaRPr>
          </a:p>
          <a:p>
            <a:pPr marL="342900" indent="-342900">
              <a:spcBef>
                <a:spcPts val="0"/>
              </a:spcBef>
              <a:spcAft>
                <a:spcPts val="0"/>
              </a:spcAft>
              <a:buFont typeface="Wingdings" panose="05000000000000000000" pitchFamily="2" charset="2"/>
              <a:buChar char="q"/>
            </a:pPr>
            <a:r>
              <a:rPr lang="en-US" sz="2000" dirty="0">
                <a:latin typeface="+mj-lt"/>
              </a:rPr>
              <a:t>A machine learning model built on multiscale, </a:t>
            </a:r>
            <a:r>
              <a:rPr lang="en-US" sz="2000" b="1" i="1" dirty="0">
                <a:latin typeface="+mj-lt"/>
              </a:rPr>
              <a:t>harmonized</a:t>
            </a:r>
            <a:r>
              <a:rPr lang="en-US" sz="2000" dirty="0">
                <a:latin typeface="+mj-lt"/>
              </a:rPr>
              <a:t> functional connectivity measures achieved accurate brain age prediction</a:t>
            </a:r>
          </a:p>
          <a:p>
            <a:pPr marL="342900" indent="-342900">
              <a:spcBef>
                <a:spcPts val="0"/>
              </a:spcBef>
              <a:spcAft>
                <a:spcPts val="0"/>
              </a:spcAft>
              <a:buFont typeface="Wingdings" panose="05000000000000000000" pitchFamily="2" charset="2"/>
              <a:buChar char="q"/>
            </a:pPr>
            <a:r>
              <a:rPr lang="en-US" sz="2000" b="1" dirty="0">
                <a:latin typeface="+mj-lt"/>
              </a:rPr>
              <a:t>Data harmonization significantly improved </a:t>
            </a:r>
            <a:r>
              <a:rPr lang="en-US" sz="2000" dirty="0">
                <a:latin typeface="+mj-lt"/>
              </a:rPr>
              <a:t>the brain age prediction performance</a:t>
            </a:r>
          </a:p>
          <a:p>
            <a:pPr marL="342900" indent="-342900">
              <a:spcBef>
                <a:spcPts val="0"/>
              </a:spcBef>
              <a:spcAft>
                <a:spcPts val="0"/>
              </a:spcAft>
              <a:buFont typeface="Wingdings" panose="05000000000000000000" pitchFamily="2" charset="2"/>
              <a:buChar char="q"/>
            </a:pPr>
            <a:r>
              <a:rPr lang="en-US" sz="2000" dirty="0">
                <a:latin typeface="+mj-lt"/>
              </a:rPr>
              <a:t>Functional connectivity measures at multiple scales were more informative than those at any single scale for the brain age predic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83A9673-812C-77E2-7A1D-5C4B7CA740E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B530299-CA6B-4E8C-BCCE-DD62263A5EED}" type="datetime4">
              <a:rPr lang="en-US" noProof="0" smtClean="0"/>
              <a:t>May 25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B2CFB80-C865-E5E2-2608-9B9D796E1E6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</a:t>
            </a:fld>
            <a:endParaRPr lang="en-US" noProof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394CB728-2461-BE8B-6A4E-0DA20505E1D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621592" y="1648488"/>
            <a:ext cx="5989638" cy="448366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635D5066-B92A-C4C6-A429-F2DF2FEC0166}"/>
              </a:ext>
            </a:extLst>
          </p:cNvPr>
          <p:cNvSpPr txBox="1"/>
          <p:nvPr/>
        </p:nvSpPr>
        <p:spPr>
          <a:xfrm>
            <a:off x="8708923" y="6055084"/>
            <a:ext cx="331526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i="1" dirty="0">
                <a:solidFill>
                  <a:schemeClr val="accent1"/>
                </a:solidFill>
                <a:latin typeface="+mj-lt"/>
              </a:rPr>
              <a:t>Zhou et al., Neuroimage</a:t>
            </a:r>
            <a:r>
              <a:rPr lang="en-US" sz="1800" dirty="0">
                <a:solidFill>
                  <a:schemeClr val="accent1"/>
                </a:solidFill>
                <a:latin typeface="+mj-lt"/>
              </a:rPr>
              <a:t>, 2023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4959657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E32D22-0F12-6B1A-9422-0A78B340BB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latin typeface="+mj-lt"/>
              </a:rPr>
              <a:t>A user-friendly </a:t>
            </a:r>
            <a:r>
              <a:rPr lang="en-US" i="1" dirty="0" err="1">
                <a:latin typeface="+mj-lt"/>
              </a:rPr>
              <a:t>p</a:t>
            </a:r>
            <a:r>
              <a:rPr lang="en-US" dirty="0" err="1">
                <a:latin typeface="+mj-lt"/>
              </a:rPr>
              <a:t>Net</a:t>
            </a:r>
            <a:r>
              <a:rPr lang="en-US" dirty="0">
                <a:latin typeface="+mj-lt"/>
              </a:rPr>
              <a:t> toolbox</a:t>
            </a:r>
            <a:br>
              <a:rPr lang="en-US" sz="4000" dirty="0"/>
            </a:br>
            <a:endParaRPr lang="en-US" dirty="0"/>
          </a:p>
        </p:txBody>
      </p:sp>
      <p:sp>
        <p:nvSpPr>
          <p:cNvPr id="8" name="Data input">
            <a:extLst>
              <a:ext uri="{FF2B5EF4-FFF2-40B4-BE49-F238E27FC236}">
                <a16:creationId xmlns:a16="http://schemas.microsoft.com/office/drawing/2014/main" id="{ADC3CBD1-4045-731B-D964-E5D19BB45268}"/>
              </a:ext>
            </a:extLst>
          </p:cNvPr>
          <p:cNvSpPr/>
          <p:nvPr/>
        </p:nvSpPr>
        <p:spPr>
          <a:xfrm>
            <a:off x="586779" y="1827035"/>
            <a:ext cx="1223368" cy="493012"/>
          </a:xfrm>
          <a:prstGeom prst="roundRect">
            <a:avLst>
              <a:gd name="adj" fmla="val 23973"/>
            </a:avLst>
          </a:prstGeom>
          <a:solidFill>
            <a:srgbClr val="B5D673"/>
          </a:solidFill>
          <a:ln w="25400">
            <a:solidFill>
              <a:srgbClr val="000000"/>
            </a:solidFill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50229" tIns="50229" rIns="50229" bIns="50229" anchor="ctr"/>
          <a:lstStyle>
            <a:lvl1pPr defTabSz="821531">
              <a:defRPr sz="1500">
                <a:solidFill>
                  <a:srgbClr val="000000"/>
                </a:solidFill>
                <a:latin typeface="Helvetica Neue Medium"/>
                <a:ea typeface="Helvetica Neue Medium"/>
                <a:cs typeface="Helvetica Neue Medium"/>
                <a:sym typeface="Helvetica Neue Medium"/>
              </a:defRPr>
            </a:lvl1pPr>
          </a:lstStyle>
          <a:p>
            <a:pPr algn="ctr"/>
            <a:r>
              <a:rPr sz="1055" b="1"/>
              <a:t>Data input</a:t>
            </a:r>
          </a:p>
        </p:txBody>
      </p:sp>
      <p:sp>
        <p:nvSpPr>
          <p:cNvPr id="9" name="Computation">
            <a:extLst>
              <a:ext uri="{FF2B5EF4-FFF2-40B4-BE49-F238E27FC236}">
                <a16:creationId xmlns:a16="http://schemas.microsoft.com/office/drawing/2014/main" id="{2CF28E6F-1CC4-1594-534E-B197E39895DB}"/>
              </a:ext>
            </a:extLst>
          </p:cNvPr>
          <p:cNvSpPr/>
          <p:nvPr/>
        </p:nvSpPr>
        <p:spPr>
          <a:xfrm>
            <a:off x="586779" y="3017777"/>
            <a:ext cx="1223368" cy="493013"/>
          </a:xfrm>
          <a:prstGeom prst="roundRect">
            <a:avLst>
              <a:gd name="adj" fmla="val 23973"/>
            </a:avLst>
          </a:prstGeom>
          <a:solidFill>
            <a:schemeClr val="accent5">
              <a:hueOff val="-152895"/>
              <a:lumOff val="12368"/>
            </a:schemeClr>
          </a:solidFill>
          <a:ln w="25400">
            <a:solidFill>
              <a:srgbClr val="000000"/>
            </a:solidFill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50229" tIns="50229" rIns="50229" bIns="50229" anchor="ctr"/>
          <a:lstStyle>
            <a:lvl1pPr defTabSz="821531">
              <a:defRPr sz="1500">
                <a:solidFill>
                  <a:srgbClr val="000000"/>
                </a:solidFill>
                <a:latin typeface="Helvetica Neue Medium"/>
                <a:ea typeface="Helvetica Neue Medium"/>
                <a:cs typeface="Helvetica Neue Medium"/>
                <a:sym typeface="Helvetica Neue Medium"/>
              </a:defRPr>
            </a:lvl1pPr>
          </a:lstStyle>
          <a:p>
            <a:pPr algn="ctr"/>
            <a:r>
              <a:rPr sz="1055" b="1"/>
              <a:t>Computation</a:t>
            </a:r>
          </a:p>
        </p:txBody>
      </p:sp>
      <p:sp>
        <p:nvSpPr>
          <p:cNvPr id="10" name="Visualization">
            <a:extLst>
              <a:ext uri="{FF2B5EF4-FFF2-40B4-BE49-F238E27FC236}">
                <a16:creationId xmlns:a16="http://schemas.microsoft.com/office/drawing/2014/main" id="{0B15C4A9-EBA6-E168-8282-70C7D4349654}"/>
              </a:ext>
            </a:extLst>
          </p:cNvPr>
          <p:cNvSpPr/>
          <p:nvPr/>
        </p:nvSpPr>
        <p:spPr>
          <a:xfrm>
            <a:off x="586779" y="4208520"/>
            <a:ext cx="1223368" cy="493012"/>
          </a:xfrm>
          <a:prstGeom prst="roundRect">
            <a:avLst>
              <a:gd name="adj" fmla="val 23973"/>
            </a:avLst>
          </a:prstGeom>
          <a:solidFill>
            <a:srgbClr val="57BAFF"/>
          </a:solidFill>
          <a:ln w="25400">
            <a:solidFill>
              <a:srgbClr val="000000"/>
            </a:solidFill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50229" tIns="50229" rIns="50229" bIns="50229" anchor="ctr"/>
          <a:lstStyle>
            <a:lvl1pPr defTabSz="821531">
              <a:defRPr sz="1500">
                <a:solidFill>
                  <a:srgbClr val="000000"/>
                </a:solidFill>
                <a:latin typeface="Helvetica Neue Medium"/>
                <a:ea typeface="Helvetica Neue Medium"/>
                <a:cs typeface="Helvetica Neue Medium"/>
                <a:sym typeface="Helvetica Neue Medium"/>
              </a:defRPr>
            </a:lvl1pPr>
          </a:lstStyle>
          <a:p>
            <a:pPr algn="ctr"/>
            <a:r>
              <a:rPr lang="en-US" sz="1055" b="1" dirty="0"/>
              <a:t>Outputs</a:t>
            </a:r>
            <a:endParaRPr sz="1055" b="1" dirty="0"/>
          </a:p>
        </p:txBody>
      </p:sp>
      <p:sp>
        <p:nvSpPr>
          <p:cNvPr id="15" name="fMRI scans">
            <a:extLst>
              <a:ext uri="{FF2B5EF4-FFF2-40B4-BE49-F238E27FC236}">
                <a16:creationId xmlns:a16="http://schemas.microsoft.com/office/drawing/2014/main" id="{29F606B4-08CB-761A-3EB5-1ED0BB5F8CD3}"/>
              </a:ext>
            </a:extLst>
          </p:cNvPr>
          <p:cNvSpPr/>
          <p:nvPr/>
        </p:nvSpPr>
        <p:spPr>
          <a:xfrm>
            <a:off x="2334079" y="1518280"/>
            <a:ext cx="8702812" cy="1193158"/>
          </a:xfrm>
          <a:prstGeom prst="roundRect">
            <a:avLst>
              <a:gd name="adj" fmla="val 23973"/>
            </a:avLst>
          </a:prstGeom>
          <a:solidFill>
            <a:srgbClr val="B5D673"/>
          </a:solidFill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50229" tIns="50229" rIns="50229" bIns="50229" anchor="ctr"/>
          <a:lstStyle>
            <a:lvl1pPr defTabSz="821531">
              <a:defRPr sz="1500">
                <a:solidFill>
                  <a:srgbClr val="000000"/>
                </a:solidFill>
                <a:latin typeface="Helvetica Neue Medium"/>
                <a:ea typeface="Helvetica Neue Medium"/>
                <a:cs typeface="Helvetica Neue Medium"/>
                <a:sym typeface="Helvetica Neue Medium"/>
              </a:defRPr>
            </a:lvl1pPr>
          </a:lstStyle>
          <a:p>
            <a:r>
              <a:rPr lang="en-US" sz="1055" b="1" dirty="0"/>
              <a:t>Preprocessed </a:t>
            </a:r>
            <a:r>
              <a:rPr sz="1055" b="1" dirty="0"/>
              <a:t>fMRI scans</a:t>
            </a:r>
          </a:p>
        </p:txBody>
      </p:sp>
      <p:sp>
        <p:nvSpPr>
          <p:cNvPr id="17" name="Group FNs">
            <a:extLst>
              <a:ext uri="{FF2B5EF4-FFF2-40B4-BE49-F238E27FC236}">
                <a16:creationId xmlns:a16="http://schemas.microsoft.com/office/drawing/2014/main" id="{035FC754-4A80-6709-E4CE-598D8EE1031F}"/>
              </a:ext>
            </a:extLst>
          </p:cNvPr>
          <p:cNvSpPr/>
          <p:nvPr/>
        </p:nvSpPr>
        <p:spPr>
          <a:xfrm>
            <a:off x="2377701" y="3791008"/>
            <a:ext cx="8700127" cy="1049827"/>
          </a:xfrm>
          <a:prstGeom prst="roundRect">
            <a:avLst>
              <a:gd name="adj" fmla="val 23973"/>
            </a:avLst>
          </a:prstGeom>
          <a:solidFill>
            <a:srgbClr val="57BAFF"/>
          </a:solidFill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50229" tIns="50229" rIns="50229" bIns="50229" anchor="ctr"/>
          <a:lstStyle>
            <a:lvl1pPr defTabSz="821531">
              <a:defRPr sz="1500">
                <a:solidFill>
                  <a:srgbClr val="000000"/>
                </a:solidFill>
                <a:latin typeface="Helvetica Neue Medium"/>
                <a:ea typeface="Helvetica Neue Medium"/>
                <a:cs typeface="Helvetica Neue Medium"/>
                <a:sym typeface="Helvetica Neue Medium"/>
              </a:defRPr>
            </a:lvl1pPr>
          </a:lstStyle>
          <a:p>
            <a:r>
              <a:rPr lang="en-US" sz="1055" b="1" dirty="0"/>
              <a:t>FNs and connectivity</a:t>
            </a:r>
            <a:endParaRPr sz="1055" b="1" dirty="0"/>
          </a:p>
        </p:txBody>
      </p:sp>
      <p:sp>
        <p:nvSpPr>
          <p:cNvPr id="19" name="Quality control">
            <a:extLst>
              <a:ext uri="{FF2B5EF4-FFF2-40B4-BE49-F238E27FC236}">
                <a16:creationId xmlns:a16="http://schemas.microsoft.com/office/drawing/2014/main" id="{17FD61A4-ACA2-3115-6F5E-435C142FBFBC}"/>
              </a:ext>
            </a:extLst>
          </p:cNvPr>
          <p:cNvSpPr/>
          <p:nvPr/>
        </p:nvSpPr>
        <p:spPr>
          <a:xfrm>
            <a:off x="588459" y="5399259"/>
            <a:ext cx="1220008" cy="493012"/>
          </a:xfrm>
          <a:prstGeom prst="roundRect">
            <a:avLst>
              <a:gd name="adj" fmla="val 23973"/>
            </a:avLst>
          </a:prstGeom>
          <a:solidFill>
            <a:srgbClr val="A3F1D3"/>
          </a:solidFill>
          <a:ln w="25400">
            <a:solidFill>
              <a:srgbClr val="000000"/>
            </a:solidFill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50229" tIns="50229" rIns="50229" bIns="50229" anchor="ctr"/>
          <a:lstStyle>
            <a:lvl1pPr defTabSz="821531">
              <a:defRPr sz="1500">
                <a:solidFill>
                  <a:srgbClr val="000000"/>
                </a:solidFill>
                <a:latin typeface="Helvetica Neue Medium"/>
                <a:ea typeface="Helvetica Neue Medium"/>
                <a:cs typeface="Helvetica Neue Medium"/>
                <a:sym typeface="Helvetica Neue Medium"/>
              </a:defRPr>
            </a:lvl1pPr>
          </a:lstStyle>
          <a:p>
            <a:pPr algn="ctr"/>
            <a:r>
              <a:rPr sz="1055" b="1"/>
              <a:t>Quality control</a:t>
            </a:r>
          </a:p>
        </p:txBody>
      </p:sp>
      <p:sp>
        <p:nvSpPr>
          <p:cNvPr id="22" name="Spatial correspondence">
            <a:extLst>
              <a:ext uri="{FF2B5EF4-FFF2-40B4-BE49-F238E27FC236}">
                <a16:creationId xmlns:a16="http://schemas.microsoft.com/office/drawing/2014/main" id="{B1B95D5B-82D2-4756-E7CC-F1A11302A1AB}"/>
              </a:ext>
            </a:extLst>
          </p:cNvPr>
          <p:cNvSpPr/>
          <p:nvPr/>
        </p:nvSpPr>
        <p:spPr>
          <a:xfrm>
            <a:off x="2377701" y="4981310"/>
            <a:ext cx="8743830" cy="1267020"/>
          </a:xfrm>
          <a:prstGeom prst="roundRect">
            <a:avLst>
              <a:gd name="adj" fmla="val 23973"/>
            </a:avLst>
          </a:prstGeom>
          <a:solidFill>
            <a:srgbClr val="A3F1D3"/>
          </a:solidFill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50229" tIns="50229" rIns="50229" bIns="50229" anchor="ctr"/>
          <a:lstStyle>
            <a:lvl1pPr defTabSz="821531">
              <a:defRPr sz="1500">
                <a:solidFill>
                  <a:srgbClr val="000000"/>
                </a:solidFill>
                <a:latin typeface="Helvetica Neue Medium"/>
                <a:ea typeface="Helvetica Neue Medium"/>
                <a:cs typeface="Helvetica Neue Medium"/>
                <a:sym typeface="Helvetica Neue Medium"/>
              </a:defRPr>
            </a:lvl1pPr>
          </a:lstStyle>
          <a:p>
            <a:r>
              <a:rPr lang="en-US" sz="1055" b="1" dirty="0"/>
              <a:t>Functional coherence</a:t>
            </a:r>
          </a:p>
          <a:p>
            <a:r>
              <a:rPr sz="1055" b="1" dirty="0"/>
              <a:t>Spatial correspondence</a:t>
            </a:r>
          </a:p>
        </p:txBody>
      </p:sp>
      <p:sp>
        <p:nvSpPr>
          <p:cNvPr id="23" name="Group-sparsity based NMF">
            <a:extLst>
              <a:ext uri="{FF2B5EF4-FFF2-40B4-BE49-F238E27FC236}">
                <a16:creationId xmlns:a16="http://schemas.microsoft.com/office/drawing/2014/main" id="{81EA3C5E-B7D7-D8D5-B694-62B586F338E2}"/>
              </a:ext>
            </a:extLst>
          </p:cNvPr>
          <p:cNvSpPr/>
          <p:nvPr/>
        </p:nvSpPr>
        <p:spPr>
          <a:xfrm>
            <a:off x="2331379" y="2811199"/>
            <a:ext cx="8702748" cy="886887"/>
          </a:xfrm>
          <a:prstGeom prst="roundRect">
            <a:avLst>
              <a:gd name="adj" fmla="val 23973"/>
            </a:avLst>
          </a:prstGeom>
          <a:solidFill>
            <a:srgbClr val="EAEAEA"/>
          </a:solidFill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50229" tIns="50229" rIns="50229" bIns="50229" anchor="ctr"/>
          <a:lstStyle>
            <a:lvl1pPr defTabSz="821531">
              <a:defRPr sz="1500">
                <a:solidFill>
                  <a:srgbClr val="000000"/>
                </a:solidFill>
                <a:latin typeface="Helvetica Neue Medium"/>
                <a:ea typeface="Helvetica Neue Medium"/>
                <a:cs typeface="Helvetica Neue Medium"/>
                <a:sym typeface="Helvetica Neue Medium"/>
              </a:defRPr>
            </a:lvl1pPr>
          </a:lstStyle>
          <a:p>
            <a:r>
              <a:rPr lang="en-US" sz="1055" b="1" dirty="0"/>
              <a:t>Optimized python code</a:t>
            </a:r>
            <a:endParaRPr sz="1055" b="1" dirty="0"/>
          </a:p>
        </p:txBody>
      </p:sp>
      <p:pic>
        <p:nvPicPr>
          <p:cNvPr id="25" name="Screenshot 2023-05-16 at 11.10.12 AM.jpg" descr="Screenshot 2023-05-16 at 11.10.12 AM.jpg">
            <a:extLst>
              <a:ext uri="{FF2B5EF4-FFF2-40B4-BE49-F238E27FC236}">
                <a16:creationId xmlns:a16="http://schemas.microsoft.com/office/drawing/2014/main" id="{6E86BC15-74C9-9D59-38BF-FF2A488DE292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10954" t="23017" r="23375" b="19976"/>
          <a:stretch>
            <a:fillRect/>
          </a:stretch>
        </p:blipFill>
        <p:spPr>
          <a:xfrm>
            <a:off x="6501754" y="4173442"/>
            <a:ext cx="714230" cy="489214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582" h="21546" extrusionOk="0">
                <a:moveTo>
                  <a:pt x="12704" y="11"/>
                </a:moveTo>
                <a:cubicBezTo>
                  <a:pt x="12384" y="10"/>
                  <a:pt x="12313" y="20"/>
                  <a:pt x="12164" y="109"/>
                </a:cubicBezTo>
                <a:cubicBezTo>
                  <a:pt x="12002" y="207"/>
                  <a:pt x="11988" y="200"/>
                  <a:pt x="11793" y="146"/>
                </a:cubicBezTo>
                <a:cubicBezTo>
                  <a:pt x="11623" y="99"/>
                  <a:pt x="11551" y="109"/>
                  <a:pt x="11363" y="158"/>
                </a:cubicBezTo>
                <a:cubicBezTo>
                  <a:pt x="11240" y="191"/>
                  <a:pt x="11046" y="206"/>
                  <a:pt x="10933" y="195"/>
                </a:cubicBezTo>
                <a:cubicBezTo>
                  <a:pt x="10821" y="185"/>
                  <a:pt x="10534" y="181"/>
                  <a:pt x="10301" y="183"/>
                </a:cubicBezTo>
                <a:cubicBezTo>
                  <a:pt x="9828" y="188"/>
                  <a:pt x="9665" y="247"/>
                  <a:pt x="9407" y="503"/>
                </a:cubicBezTo>
                <a:cubicBezTo>
                  <a:pt x="9271" y="637"/>
                  <a:pt x="9260" y="640"/>
                  <a:pt x="8783" y="675"/>
                </a:cubicBezTo>
                <a:cubicBezTo>
                  <a:pt x="7511" y="766"/>
                  <a:pt x="6989" y="983"/>
                  <a:pt x="5570" y="2014"/>
                </a:cubicBezTo>
                <a:cubicBezTo>
                  <a:pt x="3747" y="3340"/>
                  <a:pt x="2890" y="4418"/>
                  <a:pt x="1321" y="7348"/>
                </a:cubicBezTo>
                <a:cubicBezTo>
                  <a:pt x="817" y="8289"/>
                  <a:pt x="564" y="8926"/>
                  <a:pt x="300" y="9929"/>
                </a:cubicBezTo>
                <a:cubicBezTo>
                  <a:pt x="108" y="10660"/>
                  <a:pt x="25" y="11209"/>
                  <a:pt x="5" y="11896"/>
                </a:cubicBezTo>
                <a:cubicBezTo>
                  <a:pt x="-13" y="12528"/>
                  <a:pt x="11" y="12945"/>
                  <a:pt x="123" y="13665"/>
                </a:cubicBezTo>
                <a:cubicBezTo>
                  <a:pt x="163" y="13920"/>
                  <a:pt x="207" y="14331"/>
                  <a:pt x="224" y="14575"/>
                </a:cubicBezTo>
                <a:cubicBezTo>
                  <a:pt x="266" y="15175"/>
                  <a:pt x="340" y="15429"/>
                  <a:pt x="545" y="15730"/>
                </a:cubicBezTo>
                <a:cubicBezTo>
                  <a:pt x="753" y="16035"/>
                  <a:pt x="1382" y="16634"/>
                  <a:pt x="1877" y="17008"/>
                </a:cubicBezTo>
                <a:cubicBezTo>
                  <a:pt x="2499" y="17479"/>
                  <a:pt x="2942" y="17666"/>
                  <a:pt x="3850" y="17819"/>
                </a:cubicBezTo>
                <a:cubicBezTo>
                  <a:pt x="4294" y="17894"/>
                  <a:pt x="4820" y="18009"/>
                  <a:pt x="4921" y="18053"/>
                </a:cubicBezTo>
                <a:cubicBezTo>
                  <a:pt x="4943" y="18062"/>
                  <a:pt x="4927" y="18190"/>
                  <a:pt x="4879" y="18459"/>
                </a:cubicBezTo>
                <a:cubicBezTo>
                  <a:pt x="4782" y="19006"/>
                  <a:pt x="4791" y="19601"/>
                  <a:pt x="4904" y="19958"/>
                </a:cubicBezTo>
                <a:cubicBezTo>
                  <a:pt x="4947" y="20092"/>
                  <a:pt x="5019" y="20267"/>
                  <a:pt x="5064" y="20351"/>
                </a:cubicBezTo>
                <a:cubicBezTo>
                  <a:pt x="5335" y="20851"/>
                  <a:pt x="6051" y="21343"/>
                  <a:pt x="6768" y="21531"/>
                </a:cubicBezTo>
                <a:cubicBezTo>
                  <a:pt x="6912" y="21569"/>
                  <a:pt x="7282" y="21530"/>
                  <a:pt x="7425" y="21457"/>
                </a:cubicBezTo>
                <a:cubicBezTo>
                  <a:pt x="7582" y="21378"/>
                  <a:pt x="7706" y="21297"/>
                  <a:pt x="8066" y="21015"/>
                </a:cubicBezTo>
                <a:lnTo>
                  <a:pt x="8294" y="20831"/>
                </a:lnTo>
                <a:lnTo>
                  <a:pt x="8530" y="20978"/>
                </a:lnTo>
                <a:cubicBezTo>
                  <a:pt x="9081" y="21321"/>
                  <a:pt x="9708" y="21428"/>
                  <a:pt x="10157" y="21261"/>
                </a:cubicBezTo>
                <a:cubicBezTo>
                  <a:pt x="10381" y="21177"/>
                  <a:pt x="11160" y="20640"/>
                  <a:pt x="11296" y="20474"/>
                </a:cubicBezTo>
                <a:cubicBezTo>
                  <a:pt x="11346" y="20412"/>
                  <a:pt x="11696" y="20124"/>
                  <a:pt x="12190" y="19724"/>
                </a:cubicBezTo>
                <a:cubicBezTo>
                  <a:pt x="12435" y="19526"/>
                  <a:pt x="13003" y="19117"/>
                  <a:pt x="13227" y="18975"/>
                </a:cubicBezTo>
                <a:cubicBezTo>
                  <a:pt x="13324" y="18913"/>
                  <a:pt x="13779" y="18758"/>
                  <a:pt x="14390" y="18581"/>
                </a:cubicBezTo>
                <a:cubicBezTo>
                  <a:pt x="14945" y="18421"/>
                  <a:pt x="15627" y="18198"/>
                  <a:pt x="15900" y="18090"/>
                </a:cubicBezTo>
                <a:cubicBezTo>
                  <a:pt x="17272" y="17548"/>
                  <a:pt x="18671" y="16969"/>
                  <a:pt x="19214" y="16726"/>
                </a:cubicBezTo>
                <a:cubicBezTo>
                  <a:pt x="19580" y="16561"/>
                  <a:pt x="19734" y="16505"/>
                  <a:pt x="20175" y="16369"/>
                </a:cubicBezTo>
                <a:cubicBezTo>
                  <a:pt x="20708" y="16205"/>
                  <a:pt x="20965" y="16044"/>
                  <a:pt x="21153" y="15730"/>
                </a:cubicBezTo>
                <a:cubicBezTo>
                  <a:pt x="21356" y="15392"/>
                  <a:pt x="21483" y="14968"/>
                  <a:pt x="21566" y="14354"/>
                </a:cubicBezTo>
                <a:cubicBezTo>
                  <a:pt x="21587" y="14199"/>
                  <a:pt x="21586" y="13234"/>
                  <a:pt x="21566" y="13186"/>
                </a:cubicBezTo>
                <a:cubicBezTo>
                  <a:pt x="21558" y="13167"/>
                  <a:pt x="21541" y="12964"/>
                  <a:pt x="21524" y="12744"/>
                </a:cubicBezTo>
                <a:cubicBezTo>
                  <a:pt x="21419" y="11349"/>
                  <a:pt x="21349" y="10966"/>
                  <a:pt x="21136" y="10507"/>
                </a:cubicBezTo>
                <a:cubicBezTo>
                  <a:pt x="21062" y="10347"/>
                  <a:pt x="20959" y="9894"/>
                  <a:pt x="20917" y="9560"/>
                </a:cubicBezTo>
                <a:cubicBezTo>
                  <a:pt x="20893" y="9368"/>
                  <a:pt x="20713" y="8507"/>
                  <a:pt x="20605" y="8073"/>
                </a:cubicBezTo>
                <a:cubicBezTo>
                  <a:pt x="20554" y="7870"/>
                  <a:pt x="20285" y="7052"/>
                  <a:pt x="20175" y="6771"/>
                </a:cubicBezTo>
                <a:cubicBezTo>
                  <a:pt x="19794" y="5797"/>
                  <a:pt x="19332" y="5062"/>
                  <a:pt x="18961" y="4829"/>
                </a:cubicBezTo>
                <a:cubicBezTo>
                  <a:pt x="18854" y="4762"/>
                  <a:pt x="18653" y="4555"/>
                  <a:pt x="18252" y="4091"/>
                </a:cubicBezTo>
                <a:cubicBezTo>
                  <a:pt x="17905" y="3689"/>
                  <a:pt x="17670" y="3312"/>
                  <a:pt x="17342" y="2604"/>
                </a:cubicBezTo>
                <a:cubicBezTo>
                  <a:pt x="16907" y="1669"/>
                  <a:pt x="16584" y="1314"/>
                  <a:pt x="15992" y="1142"/>
                </a:cubicBezTo>
                <a:cubicBezTo>
                  <a:pt x="15801" y="1086"/>
                  <a:pt x="15650" y="1007"/>
                  <a:pt x="15512" y="896"/>
                </a:cubicBezTo>
                <a:cubicBezTo>
                  <a:pt x="14733" y="268"/>
                  <a:pt x="14468" y="106"/>
                  <a:pt x="14078" y="23"/>
                </a:cubicBezTo>
                <a:cubicBezTo>
                  <a:pt x="13824" y="-31"/>
                  <a:pt x="13618" y="10"/>
                  <a:pt x="13463" y="134"/>
                </a:cubicBezTo>
                <a:cubicBezTo>
                  <a:pt x="13402" y="183"/>
                  <a:pt x="13368" y="173"/>
                  <a:pt x="13227" y="97"/>
                </a:cubicBezTo>
                <a:cubicBezTo>
                  <a:pt x="13094" y="25"/>
                  <a:pt x="13000" y="12"/>
                  <a:pt x="12704" y="11"/>
                </a:cubicBezTo>
                <a:close/>
              </a:path>
            </a:pathLst>
          </a:custGeom>
          <a:ln w="12700">
            <a:miter lim="400000"/>
          </a:ln>
        </p:spPr>
      </p:pic>
      <p:pic>
        <p:nvPicPr>
          <p:cNvPr id="26" name="Screenshot 2023-05-17 at 10.10.45 AM.jpg" descr="Screenshot 2023-05-17 at 10.10.45 AM.jpg">
            <a:extLst>
              <a:ext uri="{FF2B5EF4-FFF2-40B4-BE49-F238E27FC236}">
                <a16:creationId xmlns:a16="http://schemas.microsoft.com/office/drawing/2014/main" id="{A605CC13-8614-876E-AFDD-9A35D1D8FEFB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l="10931" t="10377" r="8207" b="8170"/>
          <a:stretch>
            <a:fillRect/>
          </a:stretch>
        </p:blipFill>
        <p:spPr>
          <a:xfrm>
            <a:off x="7714119" y="1655697"/>
            <a:ext cx="734993" cy="535686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510" h="21575" extrusionOk="0">
                <a:moveTo>
                  <a:pt x="13147" y="0"/>
                </a:moveTo>
                <a:cubicBezTo>
                  <a:pt x="12840" y="0"/>
                  <a:pt x="12567" y="119"/>
                  <a:pt x="12404" y="326"/>
                </a:cubicBezTo>
                <a:cubicBezTo>
                  <a:pt x="12307" y="449"/>
                  <a:pt x="12302" y="446"/>
                  <a:pt x="12020" y="337"/>
                </a:cubicBezTo>
                <a:cubicBezTo>
                  <a:pt x="11309" y="63"/>
                  <a:pt x="10861" y="185"/>
                  <a:pt x="10583" y="719"/>
                </a:cubicBezTo>
                <a:cubicBezTo>
                  <a:pt x="10291" y="1279"/>
                  <a:pt x="10065" y="1370"/>
                  <a:pt x="9538" y="1146"/>
                </a:cubicBezTo>
                <a:cubicBezTo>
                  <a:pt x="9033" y="932"/>
                  <a:pt x="8660" y="946"/>
                  <a:pt x="8321" y="1191"/>
                </a:cubicBezTo>
                <a:cubicBezTo>
                  <a:pt x="8175" y="1297"/>
                  <a:pt x="8036" y="1410"/>
                  <a:pt x="8010" y="1439"/>
                </a:cubicBezTo>
                <a:cubicBezTo>
                  <a:pt x="7985" y="1467"/>
                  <a:pt x="7738" y="1594"/>
                  <a:pt x="7463" y="1720"/>
                </a:cubicBezTo>
                <a:cubicBezTo>
                  <a:pt x="7189" y="1845"/>
                  <a:pt x="6927" y="1968"/>
                  <a:pt x="6883" y="2001"/>
                </a:cubicBezTo>
                <a:cubicBezTo>
                  <a:pt x="6840" y="2034"/>
                  <a:pt x="6763" y="2057"/>
                  <a:pt x="6704" y="2057"/>
                </a:cubicBezTo>
                <a:cubicBezTo>
                  <a:pt x="6532" y="2057"/>
                  <a:pt x="6344" y="2213"/>
                  <a:pt x="5961" y="2686"/>
                </a:cubicBezTo>
                <a:cubicBezTo>
                  <a:pt x="5763" y="2930"/>
                  <a:pt x="5495" y="3208"/>
                  <a:pt x="5364" y="3293"/>
                </a:cubicBezTo>
                <a:cubicBezTo>
                  <a:pt x="5234" y="3378"/>
                  <a:pt x="5117" y="3474"/>
                  <a:pt x="5103" y="3507"/>
                </a:cubicBezTo>
                <a:cubicBezTo>
                  <a:pt x="5089" y="3539"/>
                  <a:pt x="4996" y="3563"/>
                  <a:pt x="4899" y="3563"/>
                </a:cubicBezTo>
                <a:cubicBezTo>
                  <a:pt x="4802" y="3563"/>
                  <a:pt x="4710" y="3585"/>
                  <a:pt x="4695" y="3619"/>
                </a:cubicBezTo>
                <a:cubicBezTo>
                  <a:pt x="4679" y="3653"/>
                  <a:pt x="4629" y="3686"/>
                  <a:pt x="4580" y="3686"/>
                </a:cubicBezTo>
                <a:cubicBezTo>
                  <a:pt x="4433" y="3686"/>
                  <a:pt x="4064" y="3986"/>
                  <a:pt x="3805" y="4316"/>
                </a:cubicBezTo>
                <a:cubicBezTo>
                  <a:pt x="3670" y="4486"/>
                  <a:pt x="3528" y="4619"/>
                  <a:pt x="3486" y="4619"/>
                </a:cubicBezTo>
                <a:cubicBezTo>
                  <a:pt x="3444" y="4619"/>
                  <a:pt x="3395" y="4653"/>
                  <a:pt x="3380" y="4687"/>
                </a:cubicBezTo>
                <a:cubicBezTo>
                  <a:pt x="3365" y="4720"/>
                  <a:pt x="3275" y="4796"/>
                  <a:pt x="3184" y="4855"/>
                </a:cubicBezTo>
                <a:cubicBezTo>
                  <a:pt x="3093" y="4915"/>
                  <a:pt x="2876" y="5167"/>
                  <a:pt x="2694" y="5417"/>
                </a:cubicBezTo>
                <a:cubicBezTo>
                  <a:pt x="2512" y="5668"/>
                  <a:pt x="2352" y="5867"/>
                  <a:pt x="2343" y="5867"/>
                </a:cubicBezTo>
                <a:cubicBezTo>
                  <a:pt x="2240" y="5867"/>
                  <a:pt x="1561" y="7027"/>
                  <a:pt x="1493" y="7317"/>
                </a:cubicBezTo>
                <a:cubicBezTo>
                  <a:pt x="1467" y="7431"/>
                  <a:pt x="1402" y="7643"/>
                  <a:pt x="1355" y="7789"/>
                </a:cubicBezTo>
                <a:cubicBezTo>
                  <a:pt x="1307" y="7934"/>
                  <a:pt x="1265" y="8085"/>
                  <a:pt x="1265" y="8115"/>
                </a:cubicBezTo>
                <a:cubicBezTo>
                  <a:pt x="1265" y="8225"/>
                  <a:pt x="1118" y="8559"/>
                  <a:pt x="816" y="9149"/>
                </a:cubicBezTo>
                <a:cubicBezTo>
                  <a:pt x="532" y="9701"/>
                  <a:pt x="500" y="9801"/>
                  <a:pt x="473" y="10160"/>
                </a:cubicBezTo>
                <a:cubicBezTo>
                  <a:pt x="456" y="10378"/>
                  <a:pt x="457" y="10587"/>
                  <a:pt x="473" y="10621"/>
                </a:cubicBezTo>
                <a:cubicBezTo>
                  <a:pt x="525" y="10738"/>
                  <a:pt x="368" y="11483"/>
                  <a:pt x="219" y="11812"/>
                </a:cubicBezTo>
                <a:lnTo>
                  <a:pt x="64" y="12138"/>
                </a:lnTo>
                <a:lnTo>
                  <a:pt x="81" y="12970"/>
                </a:lnTo>
                <a:cubicBezTo>
                  <a:pt x="89" y="13505"/>
                  <a:pt x="79" y="13809"/>
                  <a:pt x="48" y="13835"/>
                </a:cubicBezTo>
                <a:cubicBezTo>
                  <a:pt x="-11" y="13885"/>
                  <a:pt x="-17" y="14394"/>
                  <a:pt x="40" y="14543"/>
                </a:cubicBezTo>
                <a:cubicBezTo>
                  <a:pt x="62" y="14603"/>
                  <a:pt x="196" y="14979"/>
                  <a:pt x="342" y="15386"/>
                </a:cubicBezTo>
                <a:cubicBezTo>
                  <a:pt x="488" y="15793"/>
                  <a:pt x="625" y="16146"/>
                  <a:pt x="644" y="16162"/>
                </a:cubicBezTo>
                <a:cubicBezTo>
                  <a:pt x="663" y="16178"/>
                  <a:pt x="677" y="16241"/>
                  <a:pt x="677" y="16308"/>
                </a:cubicBezTo>
                <a:cubicBezTo>
                  <a:pt x="677" y="16375"/>
                  <a:pt x="695" y="16484"/>
                  <a:pt x="718" y="16544"/>
                </a:cubicBezTo>
                <a:cubicBezTo>
                  <a:pt x="740" y="16604"/>
                  <a:pt x="807" y="16782"/>
                  <a:pt x="865" y="16949"/>
                </a:cubicBezTo>
                <a:cubicBezTo>
                  <a:pt x="980" y="17280"/>
                  <a:pt x="1355" y="17690"/>
                  <a:pt x="1608" y="17758"/>
                </a:cubicBezTo>
                <a:cubicBezTo>
                  <a:pt x="1910" y="17838"/>
                  <a:pt x="2019" y="17875"/>
                  <a:pt x="2106" y="17926"/>
                </a:cubicBezTo>
                <a:cubicBezTo>
                  <a:pt x="2156" y="17956"/>
                  <a:pt x="2324" y="17998"/>
                  <a:pt x="2473" y="18016"/>
                </a:cubicBezTo>
                <a:cubicBezTo>
                  <a:pt x="2934" y="18072"/>
                  <a:pt x="3452" y="18173"/>
                  <a:pt x="3927" y="18297"/>
                </a:cubicBezTo>
                <a:cubicBezTo>
                  <a:pt x="4177" y="18363"/>
                  <a:pt x="4390" y="18402"/>
                  <a:pt x="4409" y="18387"/>
                </a:cubicBezTo>
                <a:cubicBezTo>
                  <a:pt x="4427" y="18372"/>
                  <a:pt x="4571" y="18331"/>
                  <a:pt x="4727" y="18297"/>
                </a:cubicBezTo>
                <a:cubicBezTo>
                  <a:pt x="4884" y="18263"/>
                  <a:pt x="5077" y="18206"/>
                  <a:pt x="5152" y="18174"/>
                </a:cubicBezTo>
                <a:cubicBezTo>
                  <a:pt x="5519" y="18017"/>
                  <a:pt x="5878" y="17937"/>
                  <a:pt x="5920" y="17994"/>
                </a:cubicBezTo>
                <a:cubicBezTo>
                  <a:pt x="5948" y="18033"/>
                  <a:pt x="5935" y="18174"/>
                  <a:pt x="5887" y="18387"/>
                </a:cubicBezTo>
                <a:cubicBezTo>
                  <a:pt x="5759" y="18958"/>
                  <a:pt x="5750" y="19156"/>
                  <a:pt x="5830" y="19477"/>
                </a:cubicBezTo>
                <a:cubicBezTo>
                  <a:pt x="5958" y="19995"/>
                  <a:pt x="6159" y="20216"/>
                  <a:pt x="6671" y="20399"/>
                </a:cubicBezTo>
                <a:cubicBezTo>
                  <a:pt x="6961" y="20502"/>
                  <a:pt x="7081" y="20598"/>
                  <a:pt x="7463" y="21028"/>
                </a:cubicBezTo>
                <a:cubicBezTo>
                  <a:pt x="7840" y="21453"/>
                  <a:pt x="7941" y="21515"/>
                  <a:pt x="8255" y="21557"/>
                </a:cubicBezTo>
                <a:cubicBezTo>
                  <a:pt x="8583" y="21600"/>
                  <a:pt x="9150" y="21564"/>
                  <a:pt x="9260" y="21489"/>
                </a:cubicBezTo>
                <a:cubicBezTo>
                  <a:pt x="9298" y="21463"/>
                  <a:pt x="9384" y="21401"/>
                  <a:pt x="9456" y="21354"/>
                </a:cubicBezTo>
                <a:cubicBezTo>
                  <a:pt x="9528" y="21308"/>
                  <a:pt x="9695" y="21064"/>
                  <a:pt x="9832" y="20815"/>
                </a:cubicBezTo>
                <a:cubicBezTo>
                  <a:pt x="10111" y="20305"/>
                  <a:pt x="10430" y="19918"/>
                  <a:pt x="10885" y="19522"/>
                </a:cubicBezTo>
                <a:cubicBezTo>
                  <a:pt x="10948" y="19468"/>
                  <a:pt x="11121" y="19286"/>
                  <a:pt x="11579" y="18803"/>
                </a:cubicBezTo>
                <a:cubicBezTo>
                  <a:pt x="11646" y="18733"/>
                  <a:pt x="11718" y="18679"/>
                  <a:pt x="11743" y="18679"/>
                </a:cubicBezTo>
                <a:cubicBezTo>
                  <a:pt x="11767" y="18679"/>
                  <a:pt x="11818" y="18640"/>
                  <a:pt x="11849" y="18589"/>
                </a:cubicBezTo>
                <a:cubicBezTo>
                  <a:pt x="11970" y="18388"/>
                  <a:pt x="12581" y="18099"/>
                  <a:pt x="13139" y="17983"/>
                </a:cubicBezTo>
                <a:cubicBezTo>
                  <a:pt x="13289" y="17951"/>
                  <a:pt x="13485" y="17911"/>
                  <a:pt x="13572" y="17893"/>
                </a:cubicBezTo>
                <a:cubicBezTo>
                  <a:pt x="13746" y="17857"/>
                  <a:pt x="13895" y="17772"/>
                  <a:pt x="14070" y="17612"/>
                </a:cubicBezTo>
                <a:cubicBezTo>
                  <a:pt x="14133" y="17555"/>
                  <a:pt x="14276" y="17489"/>
                  <a:pt x="14389" y="17466"/>
                </a:cubicBezTo>
                <a:cubicBezTo>
                  <a:pt x="14835" y="17373"/>
                  <a:pt x="15097" y="17292"/>
                  <a:pt x="15271" y="17185"/>
                </a:cubicBezTo>
                <a:cubicBezTo>
                  <a:pt x="15796" y="16860"/>
                  <a:pt x="15917" y="16787"/>
                  <a:pt x="16234" y="16645"/>
                </a:cubicBezTo>
                <a:cubicBezTo>
                  <a:pt x="16473" y="16538"/>
                  <a:pt x="16682" y="16488"/>
                  <a:pt x="16912" y="16488"/>
                </a:cubicBezTo>
                <a:cubicBezTo>
                  <a:pt x="17095" y="16488"/>
                  <a:pt x="17256" y="16466"/>
                  <a:pt x="17271" y="16432"/>
                </a:cubicBezTo>
                <a:cubicBezTo>
                  <a:pt x="17287" y="16397"/>
                  <a:pt x="17338" y="16364"/>
                  <a:pt x="17386" y="16364"/>
                </a:cubicBezTo>
                <a:cubicBezTo>
                  <a:pt x="17434" y="16364"/>
                  <a:pt x="17541" y="16309"/>
                  <a:pt x="17623" y="16241"/>
                </a:cubicBezTo>
                <a:cubicBezTo>
                  <a:pt x="17895" y="16012"/>
                  <a:pt x="18522" y="16085"/>
                  <a:pt x="18856" y="16387"/>
                </a:cubicBezTo>
                <a:cubicBezTo>
                  <a:pt x="19056" y="16567"/>
                  <a:pt x="19289" y="16591"/>
                  <a:pt x="19525" y="16443"/>
                </a:cubicBezTo>
                <a:cubicBezTo>
                  <a:pt x="19638" y="16372"/>
                  <a:pt x="19755" y="16271"/>
                  <a:pt x="19787" y="16218"/>
                </a:cubicBezTo>
                <a:cubicBezTo>
                  <a:pt x="19865" y="16088"/>
                  <a:pt x="19941" y="16091"/>
                  <a:pt x="20040" y="16241"/>
                </a:cubicBezTo>
                <a:cubicBezTo>
                  <a:pt x="20102" y="16335"/>
                  <a:pt x="20181" y="16364"/>
                  <a:pt x="20358" y="16364"/>
                </a:cubicBezTo>
                <a:cubicBezTo>
                  <a:pt x="20560" y="16364"/>
                  <a:pt x="20618" y="16336"/>
                  <a:pt x="20759" y="16162"/>
                </a:cubicBezTo>
                <a:cubicBezTo>
                  <a:pt x="20977" y="15892"/>
                  <a:pt x="21095" y="15612"/>
                  <a:pt x="21289" y="14914"/>
                </a:cubicBezTo>
                <a:cubicBezTo>
                  <a:pt x="21490" y="14194"/>
                  <a:pt x="21583" y="12524"/>
                  <a:pt x="21445" y="12127"/>
                </a:cubicBezTo>
                <a:cubicBezTo>
                  <a:pt x="21328" y="11791"/>
                  <a:pt x="21287" y="11686"/>
                  <a:pt x="21191" y="11453"/>
                </a:cubicBezTo>
                <a:cubicBezTo>
                  <a:pt x="21144" y="11336"/>
                  <a:pt x="21110" y="11200"/>
                  <a:pt x="21110" y="11149"/>
                </a:cubicBezTo>
                <a:cubicBezTo>
                  <a:pt x="21110" y="11098"/>
                  <a:pt x="21086" y="11004"/>
                  <a:pt x="21061" y="10936"/>
                </a:cubicBezTo>
                <a:cubicBezTo>
                  <a:pt x="21036" y="10867"/>
                  <a:pt x="20996" y="10757"/>
                  <a:pt x="20971" y="10688"/>
                </a:cubicBezTo>
                <a:cubicBezTo>
                  <a:pt x="20946" y="10620"/>
                  <a:pt x="20922" y="10504"/>
                  <a:pt x="20922" y="10441"/>
                </a:cubicBezTo>
                <a:cubicBezTo>
                  <a:pt x="20922" y="10379"/>
                  <a:pt x="20893" y="10272"/>
                  <a:pt x="20857" y="10205"/>
                </a:cubicBezTo>
                <a:cubicBezTo>
                  <a:pt x="20820" y="10138"/>
                  <a:pt x="20792" y="10041"/>
                  <a:pt x="20791" y="9980"/>
                </a:cubicBezTo>
                <a:cubicBezTo>
                  <a:pt x="20789" y="9841"/>
                  <a:pt x="20591" y="9401"/>
                  <a:pt x="20497" y="9328"/>
                </a:cubicBezTo>
                <a:cubicBezTo>
                  <a:pt x="20417" y="9266"/>
                  <a:pt x="20016" y="8558"/>
                  <a:pt x="20015" y="8474"/>
                </a:cubicBezTo>
                <a:cubicBezTo>
                  <a:pt x="20015" y="8418"/>
                  <a:pt x="19814" y="8141"/>
                  <a:pt x="19754" y="8115"/>
                </a:cubicBezTo>
                <a:cubicBezTo>
                  <a:pt x="19687" y="8085"/>
                  <a:pt x="19608" y="7785"/>
                  <a:pt x="19607" y="7564"/>
                </a:cubicBezTo>
                <a:cubicBezTo>
                  <a:pt x="19606" y="7439"/>
                  <a:pt x="19560" y="7141"/>
                  <a:pt x="19501" y="6901"/>
                </a:cubicBezTo>
                <a:cubicBezTo>
                  <a:pt x="19399" y="6484"/>
                  <a:pt x="19381" y="6449"/>
                  <a:pt x="19068" y="6137"/>
                </a:cubicBezTo>
                <a:cubicBezTo>
                  <a:pt x="18768" y="5837"/>
                  <a:pt x="18676" y="5713"/>
                  <a:pt x="18545" y="5428"/>
                </a:cubicBezTo>
                <a:cubicBezTo>
                  <a:pt x="18377" y="5061"/>
                  <a:pt x="18131" y="4671"/>
                  <a:pt x="17998" y="4563"/>
                </a:cubicBezTo>
                <a:cubicBezTo>
                  <a:pt x="17871" y="4460"/>
                  <a:pt x="17554" y="3913"/>
                  <a:pt x="17369" y="3462"/>
                </a:cubicBezTo>
                <a:cubicBezTo>
                  <a:pt x="16980" y="2508"/>
                  <a:pt x="16871" y="2405"/>
                  <a:pt x="16169" y="2405"/>
                </a:cubicBezTo>
                <a:cubicBezTo>
                  <a:pt x="15645" y="2405"/>
                  <a:pt x="15565" y="2351"/>
                  <a:pt x="15565" y="1978"/>
                </a:cubicBezTo>
                <a:cubicBezTo>
                  <a:pt x="15565" y="1628"/>
                  <a:pt x="15367" y="1302"/>
                  <a:pt x="14985" y="1045"/>
                </a:cubicBezTo>
                <a:cubicBezTo>
                  <a:pt x="14793" y="916"/>
                  <a:pt x="14588" y="809"/>
                  <a:pt x="14536" y="809"/>
                </a:cubicBezTo>
                <a:cubicBezTo>
                  <a:pt x="14484" y="809"/>
                  <a:pt x="14425" y="778"/>
                  <a:pt x="14397" y="731"/>
                </a:cubicBezTo>
                <a:cubicBezTo>
                  <a:pt x="14368" y="683"/>
                  <a:pt x="14246" y="590"/>
                  <a:pt x="14127" y="528"/>
                </a:cubicBezTo>
                <a:cubicBezTo>
                  <a:pt x="14009" y="467"/>
                  <a:pt x="13801" y="328"/>
                  <a:pt x="13670" y="214"/>
                </a:cubicBezTo>
                <a:cubicBezTo>
                  <a:pt x="13463" y="33"/>
                  <a:pt x="13397" y="0"/>
                  <a:pt x="13147" y="0"/>
                </a:cubicBezTo>
                <a:close/>
              </a:path>
            </a:pathLst>
          </a:custGeom>
          <a:ln w="12700">
            <a:miter lim="400000"/>
          </a:ln>
        </p:spPr>
      </p:pic>
      <p:pic>
        <p:nvPicPr>
          <p:cNvPr id="27" name="Screenshot 2023-04-24 at 9.30.05 PM.jpg" descr="Screenshot 2023-04-24 at 9.30.05 PM.jpg">
            <a:extLst>
              <a:ext uri="{FF2B5EF4-FFF2-40B4-BE49-F238E27FC236}">
                <a16:creationId xmlns:a16="http://schemas.microsoft.com/office/drawing/2014/main" id="{DFE3EAF6-1D66-AD11-683C-6872D8DD3DFC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l="43114" t="17342" r="27111" b="52072"/>
          <a:stretch>
            <a:fillRect/>
          </a:stretch>
        </p:blipFill>
        <p:spPr>
          <a:xfrm flipH="1">
            <a:off x="5180486" y="4134392"/>
            <a:ext cx="699910" cy="5673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582" h="21600" extrusionOk="0">
                <a:moveTo>
                  <a:pt x="8313" y="0"/>
                </a:moveTo>
                <a:cubicBezTo>
                  <a:pt x="7800" y="0"/>
                  <a:pt x="7776" y="7"/>
                  <a:pt x="7522" y="276"/>
                </a:cubicBezTo>
                <a:cubicBezTo>
                  <a:pt x="7286" y="526"/>
                  <a:pt x="7214" y="552"/>
                  <a:pt x="6876" y="552"/>
                </a:cubicBezTo>
                <a:cubicBezTo>
                  <a:pt x="6455" y="552"/>
                  <a:pt x="6072" y="724"/>
                  <a:pt x="5921" y="967"/>
                </a:cubicBezTo>
                <a:cubicBezTo>
                  <a:pt x="5860" y="1066"/>
                  <a:pt x="5739" y="1122"/>
                  <a:pt x="5611" y="1126"/>
                </a:cubicBezTo>
                <a:cubicBezTo>
                  <a:pt x="5497" y="1130"/>
                  <a:pt x="5389" y="1164"/>
                  <a:pt x="5370" y="1201"/>
                </a:cubicBezTo>
                <a:cubicBezTo>
                  <a:pt x="5352" y="1238"/>
                  <a:pt x="5285" y="1275"/>
                  <a:pt x="5215" y="1275"/>
                </a:cubicBezTo>
                <a:cubicBezTo>
                  <a:pt x="5077" y="1275"/>
                  <a:pt x="4863" y="1398"/>
                  <a:pt x="4665" y="1604"/>
                </a:cubicBezTo>
                <a:cubicBezTo>
                  <a:pt x="4594" y="1678"/>
                  <a:pt x="4528" y="1737"/>
                  <a:pt x="4510" y="1732"/>
                </a:cubicBezTo>
                <a:cubicBezTo>
                  <a:pt x="4413" y="1706"/>
                  <a:pt x="3899" y="2209"/>
                  <a:pt x="3503" y="2720"/>
                </a:cubicBezTo>
                <a:cubicBezTo>
                  <a:pt x="3005" y="3362"/>
                  <a:pt x="2832" y="3698"/>
                  <a:pt x="2832" y="4006"/>
                </a:cubicBezTo>
                <a:cubicBezTo>
                  <a:pt x="2832" y="4117"/>
                  <a:pt x="2787" y="4236"/>
                  <a:pt x="2737" y="4271"/>
                </a:cubicBezTo>
                <a:cubicBezTo>
                  <a:pt x="2688" y="4306"/>
                  <a:pt x="2638" y="4423"/>
                  <a:pt x="2625" y="4526"/>
                </a:cubicBezTo>
                <a:cubicBezTo>
                  <a:pt x="2603" y="4716"/>
                  <a:pt x="2155" y="5089"/>
                  <a:pt x="1954" y="5089"/>
                </a:cubicBezTo>
                <a:cubicBezTo>
                  <a:pt x="1901" y="5089"/>
                  <a:pt x="1850" y="5140"/>
                  <a:pt x="1834" y="5206"/>
                </a:cubicBezTo>
                <a:cubicBezTo>
                  <a:pt x="1817" y="5272"/>
                  <a:pt x="1780" y="5395"/>
                  <a:pt x="1756" y="5472"/>
                </a:cubicBezTo>
                <a:cubicBezTo>
                  <a:pt x="1733" y="5548"/>
                  <a:pt x="1716" y="5639"/>
                  <a:pt x="1713" y="5674"/>
                </a:cubicBezTo>
                <a:cubicBezTo>
                  <a:pt x="1710" y="5708"/>
                  <a:pt x="1669" y="5759"/>
                  <a:pt x="1627" y="5790"/>
                </a:cubicBezTo>
                <a:cubicBezTo>
                  <a:pt x="1586" y="5822"/>
                  <a:pt x="1533" y="5957"/>
                  <a:pt x="1507" y="6088"/>
                </a:cubicBezTo>
                <a:cubicBezTo>
                  <a:pt x="1481" y="6219"/>
                  <a:pt x="1409" y="6409"/>
                  <a:pt x="1343" y="6513"/>
                </a:cubicBezTo>
                <a:cubicBezTo>
                  <a:pt x="1278" y="6617"/>
                  <a:pt x="1223" y="6744"/>
                  <a:pt x="1223" y="6800"/>
                </a:cubicBezTo>
                <a:cubicBezTo>
                  <a:pt x="1223" y="6855"/>
                  <a:pt x="1161" y="7056"/>
                  <a:pt x="1085" y="7246"/>
                </a:cubicBezTo>
                <a:cubicBezTo>
                  <a:pt x="1009" y="7436"/>
                  <a:pt x="921" y="7669"/>
                  <a:pt x="896" y="7756"/>
                </a:cubicBezTo>
                <a:cubicBezTo>
                  <a:pt x="775" y="8170"/>
                  <a:pt x="706" y="8499"/>
                  <a:pt x="706" y="8627"/>
                </a:cubicBezTo>
                <a:cubicBezTo>
                  <a:pt x="706" y="8705"/>
                  <a:pt x="650" y="8862"/>
                  <a:pt x="586" y="8978"/>
                </a:cubicBezTo>
                <a:cubicBezTo>
                  <a:pt x="453" y="9220"/>
                  <a:pt x="244" y="9773"/>
                  <a:pt x="130" y="10178"/>
                </a:cubicBezTo>
                <a:cubicBezTo>
                  <a:pt x="87" y="10332"/>
                  <a:pt x="39" y="10870"/>
                  <a:pt x="18" y="11379"/>
                </a:cubicBezTo>
                <a:cubicBezTo>
                  <a:pt x="-18" y="12270"/>
                  <a:pt x="-13" y="12322"/>
                  <a:pt x="139" y="12580"/>
                </a:cubicBezTo>
                <a:cubicBezTo>
                  <a:pt x="320" y="12889"/>
                  <a:pt x="429" y="13179"/>
                  <a:pt x="457" y="13398"/>
                </a:cubicBezTo>
                <a:cubicBezTo>
                  <a:pt x="468" y="13482"/>
                  <a:pt x="560" y="13603"/>
                  <a:pt x="663" y="13674"/>
                </a:cubicBezTo>
                <a:cubicBezTo>
                  <a:pt x="860" y="13808"/>
                  <a:pt x="904" y="13877"/>
                  <a:pt x="1042" y="14301"/>
                </a:cubicBezTo>
                <a:cubicBezTo>
                  <a:pt x="1088" y="14443"/>
                  <a:pt x="1154" y="14556"/>
                  <a:pt x="1197" y="14556"/>
                </a:cubicBezTo>
                <a:cubicBezTo>
                  <a:pt x="1240" y="14556"/>
                  <a:pt x="1314" y="14650"/>
                  <a:pt x="1360" y="14768"/>
                </a:cubicBezTo>
                <a:cubicBezTo>
                  <a:pt x="1407" y="14887"/>
                  <a:pt x="1521" y="15008"/>
                  <a:pt x="1610" y="15034"/>
                </a:cubicBezTo>
                <a:cubicBezTo>
                  <a:pt x="1748" y="15074"/>
                  <a:pt x="1765" y="15125"/>
                  <a:pt x="1765" y="15395"/>
                </a:cubicBezTo>
                <a:cubicBezTo>
                  <a:pt x="1765" y="15656"/>
                  <a:pt x="1742" y="15715"/>
                  <a:pt x="1627" y="15735"/>
                </a:cubicBezTo>
                <a:cubicBezTo>
                  <a:pt x="1484" y="15760"/>
                  <a:pt x="1378" y="16028"/>
                  <a:pt x="1481" y="16107"/>
                </a:cubicBezTo>
                <a:cubicBezTo>
                  <a:pt x="1513" y="16132"/>
                  <a:pt x="1541" y="16441"/>
                  <a:pt x="1541" y="16787"/>
                </a:cubicBezTo>
                <a:cubicBezTo>
                  <a:pt x="1541" y="17287"/>
                  <a:pt x="1568" y="17472"/>
                  <a:pt x="1679" y="17711"/>
                </a:cubicBezTo>
                <a:cubicBezTo>
                  <a:pt x="1756" y="17877"/>
                  <a:pt x="1885" y="18164"/>
                  <a:pt x="1963" y="18349"/>
                </a:cubicBezTo>
                <a:cubicBezTo>
                  <a:pt x="2112" y="18706"/>
                  <a:pt x="2603" y="19401"/>
                  <a:pt x="2703" y="19401"/>
                </a:cubicBezTo>
                <a:cubicBezTo>
                  <a:pt x="2736" y="19401"/>
                  <a:pt x="2786" y="19456"/>
                  <a:pt x="2815" y="19518"/>
                </a:cubicBezTo>
                <a:cubicBezTo>
                  <a:pt x="2872" y="19641"/>
                  <a:pt x="3958" y="20357"/>
                  <a:pt x="4088" y="20357"/>
                </a:cubicBezTo>
                <a:cubicBezTo>
                  <a:pt x="4247" y="20357"/>
                  <a:pt x="4477" y="20563"/>
                  <a:pt x="4932" y="21101"/>
                </a:cubicBezTo>
                <a:cubicBezTo>
                  <a:pt x="5130" y="21335"/>
                  <a:pt x="5272" y="21478"/>
                  <a:pt x="5405" y="21600"/>
                </a:cubicBezTo>
                <a:lnTo>
                  <a:pt x="7109" y="21600"/>
                </a:lnTo>
                <a:cubicBezTo>
                  <a:pt x="7134" y="21591"/>
                  <a:pt x="7200" y="21547"/>
                  <a:pt x="7212" y="21547"/>
                </a:cubicBezTo>
                <a:cubicBezTo>
                  <a:pt x="7266" y="21546"/>
                  <a:pt x="7381" y="21484"/>
                  <a:pt x="7470" y="21398"/>
                </a:cubicBezTo>
                <a:cubicBezTo>
                  <a:pt x="7678" y="21197"/>
                  <a:pt x="7909" y="21189"/>
                  <a:pt x="7969" y="21388"/>
                </a:cubicBezTo>
                <a:cubicBezTo>
                  <a:pt x="8012" y="21529"/>
                  <a:pt x="8039" y="21523"/>
                  <a:pt x="8262" y="21271"/>
                </a:cubicBezTo>
                <a:cubicBezTo>
                  <a:pt x="8453" y="21054"/>
                  <a:pt x="8503" y="20940"/>
                  <a:pt x="8503" y="20718"/>
                </a:cubicBezTo>
                <a:cubicBezTo>
                  <a:pt x="8503" y="20538"/>
                  <a:pt x="8541" y="20420"/>
                  <a:pt x="8606" y="20389"/>
                </a:cubicBezTo>
                <a:cubicBezTo>
                  <a:pt x="8684" y="20352"/>
                  <a:pt x="8699" y="20226"/>
                  <a:pt x="8692" y="19815"/>
                </a:cubicBezTo>
                <a:cubicBezTo>
                  <a:pt x="8680" y="19123"/>
                  <a:pt x="8680" y="19120"/>
                  <a:pt x="8769" y="19231"/>
                </a:cubicBezTo>
                <a:cubicBezTo>
                  <a:pt x="8863" y="19346"/>
                  <a:pt x="9574" y="19354"/>
                  <a:pt x="9630" y="19241"/>
                </a:cubicBezTo>
                <a:cubicBezTo>
                  <a:pt x="9652" y="19198"/>
                  <a:pt x="9726" y="19167"/>
                  <a:pt x="9793" y="19167"/>
                </a:cubicBezTo>
                <a:cubicBezTo>
                  <a:pt x="9861" y="19167"/>
                  <a:pt x="9945" y="19095"/>
                  <a:pt x="9983" y="19008"/>
                </a:cubicBezTo>
                <a:cubicBezTo>
                  <a:pt x="10021" y="18920"/>
                  <a:pt x="10088" y="18848"/>
                  <a:pt x="10129" y="18848"/>
                </a:cubicBezTo>
                <a:cubicBezTo>
                  <a:pt x="10170" y="18848"/>
                  <a:pt x="10262" y="18783"/>
                  <a:pt x="10335" y="18699"/>
                </a:cubicBezTo>
                <a:cubicBezTo>
                  <a:pt x="10500" y="18511"/>
                  <a:pt x="10937" y="18448"/>
                  <a:pt x="11015" y="18604"/>
                </a:cubicBezTo>
                <a:cubicBezTo>
                  <a:pt x="11057" y="18688"/>
                  <a:pt x="11159" y="18593"/>
                  <a:pt x="11445" y="18211"/>
                </a:cubicBezTo>
                <a:cubicBezTo>
                  <a:pt x="12046" y="17409"/>
                  <a:pt x="12115" y="17379"/>
                  <a:pt x="12900" y="17616"/>
                </a:cubicBezTo>
                <a:cubicBezTo>
                  <a:pt x="13217" y="17712"/>
                  <a:pt x="13588" y="17360"/>
                  <a:pt x="13588" y="16968"/>
                </a:cubicBezTo>
                <a:cubicBezTo>
                  <a:pt x="13588" y="16914"/>
                  <a:pt x="13668" y="16762"/>
                  <a:pt x="13760" y="16628"/>
                </a:cubicBezTo>
                <a:cubicBezTo>
                  <a:pt x="13903" y="16418"/>
                  <a:pt x="13970" y="16383"/>
                  <a:pt x="14233" y="16383"/>
                </a:cubicBezTo>
                <a:cubicBezTo>
                  <a:pt x="14402" y="16383"/>
                  <a:pt x="14635" y="16326"/>
                  <a:pt x="14750" y="16256"/>
                </a:cubicBezTo>
                <a:cubicBezTo>
                  <a:pt x="14920" y="16151"/>
                  <a:pt x="15063" y="16136"/>
                  <a:pt x="15559" y="16181"/>
                </a:cubicBezTo>
                <a:cubicBezTo>
                  <a:pt x="15892" y="16212"/>
                  <a:pt x="16184" y="16269"/>
                  <a:pt x="16204" y="16309"/>
                </a:cubicBezTo>
                <a:cubicBezTo>
                  <a:pt x="16251" y="16403"/>
                  <a:pt x="17604" y="16403"/>
                  <a:pt x="17684" y="16309"/>
                </a:cubicBezTo>
                <a:cubicBezTo>
                  <a:pt x="17718" y="16269"/>
                  <a:pt x="18232" y="16228"/>
                  <a:pt x="18828" y="16213"/>
                </a:cubicBezTo>
                <a:cubicBezTo>
                  <a:pt x="19780" y="16190"/>
                  <a:pt x="19926" y="16165"/>
                  <a:pt x="19981" y="16043"/>
                </a:cubicBezTo>
                <a:cubicBezTo>
                  <a:pt x="20016" y="15967"/>
                  <a:pt x="20097" y="15905"/>
                  <a:pt x="20162" y="15905"/>
                </a:cubicBezTo>
                <a:cubicBezTo>
                  <a:pt x="20227" y="15905"/>
                  <a:pt x="20316" y="15854"/>
                  <a:pt x="20360" y="15788"/>
                </a:cubicBezTo>
                <a:cubicBezTo>
                  <a:pt x="20404" y="15723"/>
                  <a:pt x="20475" y="15671"/>
                  <a:pt x="20524" y="15671"/>
                </a:cubicBezTo>
                <a:cubicBezTo>
                  <a:pt x="20572" y="15671"/>
                  <a:pt x="20618" y="15624"/>
                  <a:pt x="20618" y="15565"/>
                </a:cubicBezTo>
                <a:cubicBezTo>
                  <a:pt x="20618" y="15506"/>
                  <a:pt x="20675" y="15391"/>
                  <a:pt x="20747" y="15310"/>
                </a:cubicBezTo>
                <a:cubicBezTo>
                  <a:pt x="20819" y="15230"/>
                  <a:pt x="20860" y="15114"/>
                  <a:pt x="20842" y="15055"/>
                </a:cubicBezTo>
                <a:cubicBezTo>
                  <a:pt x="20824" y="14996"/>
                  <a:pt x="20853" y="14930"/>
                  <a:pt x="20902" y="14906"/>
                </a:cubicBezTo>
                <a:cubicBezTo>
                  <a:pt x="20993" y="14863"/>
                  <a:pt x="21090" y="14586"/>
                  <a:pt x="21074" y="14418"/>
                </a:cubicBezTo>
                <a:cubicBezTo>
                  <a:pt x="21070" y="14366"/>
                  <a:pt x="21123" y="14204"/>
                  <a:pt x="21195" y="14046"/>
                </a:cubicBezTo>
                <a:cubicBezTo>
                  <a:pt x="21267" y="13888"/>
                  <a:pt x="21324" y="13683"/>
                  <a:pt x="21324" y="13600"/>
                </a:cubicBezTo>
                <a:cubicBezTo>
                  <a:pt x="21324" y="13516"/>
                  <a:pt x="21357" y="13425"/>
                  <a:pt x="21393" y="13398"/>
                </a:cubicBezTo>
                <a:cubicBezTo>
                  <a:pt x="21428" y="13371"/>
                  <a:pt x="21453" y="13196"/>
                  <a:pt x="21453" y="13005"/>
                </a:cubicBezTo>
                <a:cubicBezTo>
                  <a:pt x="21453" y="12813"/>
                  <a:pt x="21486" y="12628"/>
                  <a:pt x="21522" y="12601"/>
                </a:cubicBezTo>
                <a:cubicBezTo>
                  <a:pt x="21559" y="12572"/>
                  <a:pt x="21582" y="12141"/>
                  <a:pt x="21582" y="11570"/>
                </a:cubicBezTo>
                <a:cubicBezTo>
                  <a:pt x="21582" y="11000"/>
                  <a:pt x="21559" y="10568"/>
                  <a:pt x="21522" y="10540"/>
                </a:cubicBezTo>
                <a:cubicBezTo>
                  <a:pt x="21486" y="10513"/>
                  <a:pt x="21453" y="10328"/>
                  <a:pt x="21453" y="10136"/>
                </a:cubicBezTo>
                <a:cubicBezTo>
                  <a:pt x="21453" y="9944"/>
                  <a:pt x="21428" y="9770"/>
                  <a:pt x="21393" y="9743"/>
                </a:cubicBezTo>
                <a:cubicBezTo>
                  <a:pt x="21357" y="9716"/>
                  <a:pt x="21324" y="9604"/>
                  <a:pt x="21324" y="9498"/>
                </a:cubicBezTo>
                <a:cubicBezTo>
                  <a:pt x="21324" y="9393"/>
                  <a:pt x="21266" y="9187"/>
                  <a:pt x="21195" y="9031"/>
                </a:cubicBezTo>
                <a:cubicBezTo>
                  <a:pt x="21124" y="8875"/>
                  <a:pt x="21066" y="8699"/>
                  <a:pt x="21066" y="8648"/>
                </a:cubicBezTo>
                <a:cubicBezTo>
                  <a:pt x="21066" y="8371"/>
                  <a:pt x="20251" y="6624"/>
                  <a:pt x="20007" y="6375"/>
                </a:cubicBezTo>
                <a:cubicBezTo>
                  <a:pt x="19951" y="6317"/>
                  <a:pt x="19847" y="6097"/>
                  <a:pt x="19766" y="5897"/>
                </a:cubicBezTo>
                <a:cubicBezTo>
                  <a:pt x="19686" y="5696"/>
                  <a:pt x="19522" y="5425"/>
                  <a:pt x="19405" y="5291"/>
                </a:cubicBezTo>
                <a:cubicBezTo>
                  <a:pt x="19288" y="5158"/>
                  <a:pt x="19060" y="4883"/>
                  <a:pt x="18897" y="4675"/>
                </a:cubicBezTo>
                <a:cubicBezTo>
                  <a:pt x="18734" y="4467"/>
                  <a:pt x="18561" y="4292"/>
                  <a:pt x="18519" y="4292"/>
                </a:cubicBezTo>
                <a:cubicBezTo>
                  <a:pt x="18477" y="4292"/>
                  <a:pt x="18372" y="4189"/>
                  <a:pt x="18278" y="4059"/>
                </a:cubicBezTo>
                <a:cubicBezTo>
                  <a:pt x="18184" y="3928"/>
                  <a:pt x="18023" y="3800"/>
                  <a:pt x="17925" y="3772"/>
                </a:cubicBezTo>
                <a:cubicBezTo>
                  <a:pt x="17827" y="3743"/>
                  <a:pt x="17647" y="3591"/>
                  <a:pt x="17520" y="3442"/>
                </a:cubicBezTo>
                <a:cubicBezTo>
                  <a:pt x="17285" y="3166"/>
                  <a:pt x="17051" y="2987"/>
                  <a:pt x="16583" y="2709"/>
                </a:cubicBezTo>
                <a:cubicBezTo>
                  <a:pt x="16438" y="2623"/>
                  <a:pt x="16284" y="2501"/>
                  <a:pt x="16238" y="2433"/>
                </a:cubicBezTo>
                <a:cubicBezTo>
                  <a:pt x="16193" y="2365"/>
                  <a:pt x="16101" y="2306"/>
                  <a:pt x="16040" y="2306"/>
                </a:cubicBezTo>
                <a:cubicBezTo>
                  <a:pt x="15910" y="2306"/>
                  <a:pt x="15371" y="1980"/>
                  <a:pt x="15214" y="1806"/>
                </a:cubicBezTo>
                <a:cubicBezTo>
                  <a:pt x="15154" y="1739"/>
                  <a:pt x="14995" y="1656"/>
                  <a:pt x="14862" y="1626"/>
                </a:cubicBezTo>
                <a:cubicBezTo>
                  <a:pt x="14728" y="1595"/>
                  <a:pt x="14606" y="1537"/>
                  <a:pt x="14586" y="1498"/>
                </a:cubicBezTo>
                <a:cubicBezTo>
                  <a:pt x="14567" y="1459"/>
                  <a:pt x="14492" y="1435"/>
                  <a:pt x="14414" y="1434"/>
                </a:cubicBezTo>
                <a:cubicBezTo>
                  <a:pt x="14336" y="1433"/>
                  <a:pt x="14193" y="1361"/>
                  <a:pt x="14104" y="1275"/>
                </a:cubicBezTo>
                <a:cubicBezTo>
                  <a:pt x="14016" y="1189"/>
                  <a:pt x="13881" y="1117"/>
                  <a:pt x="13803" y="1116"/>
                </a:cubicBezTo>
                <a:cubicBezTo>
                  <a:pt x="13726" y="1115"/>
                  <a:pt x="13644" y="1074"/>
                  <a:pt x="13622" y="1031"/>
                </a:cubicBezTo>
                <a:cubicBezTo>
                  <a:pt x="13601" y="987"/>
                  <a:pt x="13518" y="956"/>
                  <a:pt x="13433" y="956"/>
                </a:cubicBezTo>
                <a:cubicBezTo>
                  <a:pt x="13349" y="956"/>
                  <a:pt x="13263" y="921"/>
                  <a:pt x="13244" y="882"/>
                </a:cubicBezTo>
                <a:cubicBezTo>
                  <a:pt x="13224" y="843"/>
                  <a:pt x="13102" y="790"/>
                  <a:pt x="12968" y="765"/>
                </a:cubicBezTo>
                <a:cubicBezTo>
                  <a:pt x="12835" y="740"/>
                  <a:pt x="12612" y="698"/>
                  <a:pt x="12478" y="669"/>
                </a:cubicBezTo>
                <a:cubicBezTo>
                  <a:pt x="12334" y="639"/>
                  <a:pt x="12154" y="664"/>
                  <a:pt x="12039" y="722"/>
                </a:cubicBezTo>
                <a:cubicBezTo>
                  <a:pt x="11875" y="806"/>
                  <a:pt x="11828" y="801"/>
                  <a:pt x="11729" y="691"/>
                </a:cubicBezTo>
                <a:cubicBezTo>
                  <a:pt x="11665" y="619"/>
                  <a:pt x="11572" y="552"/>
                  <a:pt x="11514" y="552"/>
                </a:cubicBezTo>
                <a:cubicBezTo>
                  <a:pt x="11457" y="552"/>
                  <a:pt x="11377" y="491"/>
                  <a:pt x="11342" y="414"/>
                </a:cubicBezTo>
                <a:cubicBezTo>
                  <a:pt x="11286" y="291"/>
                  <a:pt x="11154" y="275"/>
                  <a:pt x="10137" y="266"/>
                </a:cubicBezTo>
                <a:cubicBezTo>
                  <a:pt x="9167" y="256"/>
                  <a:pt x="8980" y="236"/>
                  <a:pt x="8916" y="127"/>
                </a:cubicBezTo>
                <a:cubicBezTo>
                  <a:pt x="8856" y="28"/>
                  <a:pt x="8727" y="0"/>
                  <a:pt x="8313" y="0"/>
                </a:cubicBezTo>
                <a:close/>
              </a:path>
            </a:pathLst>
          </a:custGeom>
          <a:ln w="12700">
            <a:miter lim="400000"/>
          </a:ln>
        </p:spPr>
      </p:pic>
      <p:sp>
        <p:nvSpPr>
          <p:cNvPr id="28" name="Spatial components of pFNs">
            <a:extLst>
              <a:ext uri="{FF2B5EF4-FFF2-40B4-BE49-F238E27FC236}">
                <a16:creationId xmlns:a16="http://schemas.microsoft.com/office/drawing/2014/main" id="{DA42D325-B7CA-F1DF-F3D0-1CA9D3E15873}"/>
              </a:ext>
            </a:extLst>
          </p:cNvPr>
          <p:cNvSpPr txBox="1"/>
          <p:nvPr/>
        </p:nvSpPr>
        <p:spPr>
          <a:xfrm>
            <a:off x="5267386" y="3758795"/>
            <a:ext cx="1891544" cy="26693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none" lIns="35719" tIns="35719" rIns="35719" bIns="35719" anchor="ctr">
            <a:spAutoFit/>
          </a:bodyPr>
          <a:lstStyle>
            <a:lvl1pPr>
              <a:defRPr>
                <a:solidFill>
                  <a:srgbClr val="000000"/>
                </a:solidFill>
              </a:defRPr>
            </a:lvl1pPr>
          </a:lstStyle>
          <a:p>
            <a:r>
              <a:rPr sz="1266" b="1" dirty="0"/>
              <a:t>Spatial components of </a:t>
            </a:r>
            <a:r>
              <a:rPr sz="1266" b="1" dirty="0" err="1"/>
              <a:t>pFNs</a:t>
            </a:r>
            <a:endParaRPr sz="1266" b="1" dirty="0"/>
          </a:p>
        </p:txBody>
      </p:sp>
      <p:sp>
        <p:nvSpPr>
          <p:cNvPr id="29" name="Maintain spatial correspondence…">
            <a:extLst>
              <a:ext uri="{FF2B5EF4-FFF2-40B4-BE49-F238E27FC236}">
                <a16:creationId xmlns:a16="http://schemas.microsoft.com/office/drawing/2014/main" id="{9F91443A-B44D-851C-1F60-DD9FEB5D75E1}"/>
              </a:ext>
            </a:extLst>
          </p:cNvPr>
          <p:cNvSpPr txBox="1"/>
          <p:nvPr/>
        </p:nvSpPr>
        <p:spPr>
          <a:xfrm>
            <a:off x="4495388" y="5506316"/>
            <a:ext cx="6436372" cy="757901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square" lIns="35719" tIns="35719" rIns="35719" bIns="35719" anchor="ctr">
            <a:spAutoFit/>
          </a:bodyPr>
          <a:lstStyle/>
          <a:p>
            <a:pPr marL="142870" indent="-142870">
              <a:lnSpc>
                <a:spcPct val="120000"/>
              </a:lnSpc>
              <a:buSzPct val="123000"/>
              <a:buChar char="•"/>
              <a:defRPr>
                <a:solidFill>
                  <a:srgbClr val="000000"/>
                </a:solidFill>
              </a:defRPr>
            </a:pPr>
            <a:r>
              <a:rPr lang="en-US" sz="1266" b="1" dirty="0"/>
              <a:t>Ensured</a:t>
            </a:r>
            <a:r>
              <a:rPr sz="1266" b="1" dirty="0"/>
              <a:t> spatial correspondence </a:t>
            </a:r>
          </a:p>
          <a:p>
            <a:pPr marL="142870" indent="-142870">
              <a:lnSpc>
                <a:spcPct val="120000"/>
              </a:lnSpc>
              <a:buSzPct val="123000"/>
              <a:buChar char="•"/>
              <a:defRPr>
                <a:solidFill>
                  <a:srgbClr val="000000"/>
                </a:solidFill>
              </a:defRPr>
            </a:pPr>
            <a:r>
              <a:rPr sz="1266" b="1" dirty="0"/>
              <a:t>Enhance</a:t>
            </a:r>
            <a:r>
              <a:rPr lang="en-US" sz="1266" b="1" dirty="0"/>
              <a:t>d</a:t>
            </a:r>
            <a:r>
              <a:rPr sz="1266" b="1" dirty="0"/>
              <a:t> functional coherence</a:t>
            </a:r>
            <a:r>
              <a:rPr lang="en-US" sz="1266" b="1" dirty="0"/>
              <a:t>, higher than their </a:t>
            </a:r>
            <a:r>
              <a:rPr sz="1266" b="1" dirty="0"/>
              <a:t>group</a:t>
            </a:r>
            <a:r>
              <a:rPr lang="en-US" sz="1266" b="1" dirty="0"/>
              <a:t>-level</a:t>
            </a:r>
            <a:r>
              <a:rPr sz="1266" b="1" dirty="0"/>
              <a:t> FNs</a:t>
            </a:r>
          </a:p>
          <a:p>
            <a:pPr marL="142870" indent="-142870">
              <a:lnSpc>
                <a:spcPct val="120000"/>
              </a:lnSpc>
              <a:buSzPct val="123000"/>
              <a:buChar char="•"/>
              <a:defRPr>
                <a:solidFill>
                  <a:srgbClr val="000000"/>
                </a:solidFill>
              </a:defRPr>
            </a:pPr>
            <a:r>
              <a:rPr lang="en-US" sz="1266" b="1" dirty="0"/>
              <a:t>QC reports</a:t>
            </a:r>
            <a:endParaRPr sz="1266" b="1" dirty="0"/>
          </a:p>
        </p:txBody>
      </p:sp>
      <p:sp>
        <p:nvSpPr>
          <p:cNvPr id="32" name="Volume data…">
            <a:extLst>
              <a:ext uri="{FF2B5EF4-FFF2-40B4-BE49-F238E27FC236}">
                <a16:creationId xmlns:a16="http://schemas.microsoft.com/office/drawing/2014/main" id="{CC2415F4-571E-4A69-2254-882033979067}"/>
              </a:ext>
            </a:extLst>
          </p:cNvPr>
          <p:cNvSpPr txBox="1"/>
          <p:nvPr/>
        </p:nvSpPr>
        <p:spPr>
          <a:xfrm>
            <a:off x="4495388" y="1692675"/>
            <a:ext cx="893771" cy="46172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none" lIns="35719" tIns="35719" rIns="35719" bIns="35719" anchor="ctr">
            <a:spAutoFit/>
          </a:bodyPr>
          <a:lstStyle/>
          <a:p>
            <a:pPr>
              <a:defRPr>
                <a:solidFill>
                  <a:srgbClr val="000000"/>
                </a:solidFill>
              </a:defRPr>
            </a:pPr>
            <a:r>
              <a:rPr sz="1266" b="1" dirty="0"/>
              <a:t>Volume data</a:t>
            </a:r>
          </a:p>
          <a:p>
            <a:pPr>
              <a:defRPr>
                <a:solidFill>
                  <a:srgbClr val="000000"/>
                </a:solidFill>
              </a:defRPr>
            </a:pPr>
            <a:r>
              <a:rPr sz="1266" b="1" dirty="0"/>
              <a:t>4D matrix</a:t>
            </a:r>
          </a:p>
        </p:txBody>
      </p:sp>
      <p:sp>
        <p:nvSpPr>
          <p:cNvPr id="33" name="Surface data…">
            <a:extLst>
              <a:ext uri="{FF2B5EF4-FFF2-40B4-BE49-F238E27FC236}">
                <a16:creationId xmlns:a16="http://schemas.microsoft.com/office/drawing/2014/main" id="{02E12270-17AF-5BC4-0284-70CF4360BF6F}"/>
              </a:ext>
            </a:extLst>
          </p:cNvPr>
          <p:cNvSpPr txBox="1"/>
          <p:nvPr/>
        </p:nvSpPr>
        <p:spPr>
          <a:xfrm>
            <a:off x="6782741" y="1692675"/>
            <a:ext cx="882101" cy="46172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none" lIns="35719" tIns="35719" rIns="35719" bIns="35719" anchor="ctr">
            <a:spAutoFit/>
          </a:bodyPr>
          <a:lstStyle/>
          <a:p>
            <a:pPr>
              <a:defRPr>
                <a:solidFill>
                  <a:srgbClr val="000000"/>
                </a:solidFill>
              </a:defRPr>
            </a:pPr>
            <a:r>
              <a:rPr sz="1266" b="1" dirty="0"/>
              <a:t>Surface data</a:t>
            </a:r>
          </a:p>
          <a:p>
            <a:pPr>
              <a:defRPr>
                <a:solidFill>
                  <a:srgbClr val="000000"/>
                </a:solidFill>
              </a:defRPr>
            </a:pPr>
            <a:r>
              <a:rPr sz="1266" b="1" dirty="0"/>
              <a:t>2D matrix</a:t>
            </a:r>
          </a:p>
        </p:txBody>
      </p:sp>
      <p:sp>
        <p:nvSpPr>
          <p:cNvPr id="34" name="Allows flexible data input from different preprocessing pipelines…">
            <a:extLst>
              <a:ext uri="{FF2B5EF4-FFF2-40B4-BE49-F238E27FC236}">
                <a16:creationId xmlns:a16="http://schemas.microsoft.com/office/drawing/2014/main" id="{7579FE4E-3C74-6013-8778-93978EE1643A}"/>
              </a:ext>
            </a:extLst>
          </p:cNvPr>
          <p:cNvSpPr txBox="1"/>
          <p:nvPr/>
        </p:nvSpPr>
        <p:spPr>
          <a:xfrm>
            <a:off x="4471380" y="2203350"/>
            <a:ext cx="6565511" cy="52411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square" lIns="35719" tIns="35719" rIns="35719" bIns="35719" anchor="ctr">
            <a:spAutoFit/>
          </a:bodyPr>
          <a:lstStyle/>
          <a:p>
            <a:pPr marL="178587" indent="-178587">
              <a:lnSpc>
                <a:spcPct val="120000"/>
              </a:lnSpc>
              <a:buSzPct val="123000"/>
              <a:buChar char="•"/>
              <a:defRPr>
                <a:solidFill>
                  <a:srgbClr val="000000"/>
                </a:solidFill>
              </a:defRPr>
            </a:pPr>
            <a:r>
              <a:rPr sz="1266" b="1" dirty="0"/>
              <a:t>Allow flexible data input from different preprocessing pipelines</a:t>
            </a:r>
          </a:p>
          <a:p>
            <a:pPr marL="178587" indent="-178587">
              <a:lnSpc>
                <a:spcPct val="120000"/>
              </a:lnSpc>
              <a:buSzPct val="123000"/>
              <a:buChar char="•"/>
              <a:defRPr>
                <a:solidFill>
                  <a:srgbClr val="000000"/>
                </a:solidFill>
              </a:defRPr>
            </a:pPr>
            <a:r>
              <a:rPr sz="1266" b="1" dirty="0"/>
              <a:t>Support both volume and surface data types in different formats (NIFTI, CIFTI, MGH, MGZ, MAT)</a:t>
            </a:r>
          </a:p>
        </p:txBody>
      </p:sp>
      <p:sp>
        <p:nvSpPr>
          <p:cNvPr id="35" name="Optimizes the functional coherence of personalized FNs…">
            <a:extLst>
              <a:ext uri="{FF2B5EF4-FFF2-40B4-BE49-F238E27FC236}">
                <a16:creationId xmlns:a16="http://schemas.microsoft.com/office/drawing/2014/main" id="{09F9322A-D24C-DCB1-0ACC-DCC73333AB40}"/>
              </a:ext>
            </a:extLst>
          </p:cNvPr>
          <p:cNvSpPr txBox="1"/>
          <p:nvPr/>
        </p:nvSpPr>
        <p:spPr>
          <a:xfrm>
            <a:off x="4432075" y="2853220"/>
            <a:ext cx="6499685" cy="757901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square" lIns="35719" tIns="35719" rIns="35719" bIns="35719" anchor="ctr">
            <a:spAutoFit/>
          </a:bodyPr>
          <a:lstStyle/>
          <a:p>
            <a:pPr marL="178587" indent="-178587">
              <a:lnSpc>
                <a:spcPct val="120000"/>
              </a:lnSpc>
              <a:buSzPct val="123000"/>
              <a:buChar char="•"/>
              <a:defRPr>
                <a:solidFill>
                  <a:srgbClr val="000000"/>
                </a:solidFill>
              </a:defRPr>
            </a:pPr>
            <a:r>
              <a:rPr sz="1266" b="1" dirty="0"/>
              <a:t>Optimize the functional coherence of personalized FNs</a:t>
            </a:r>
          </a:p>
          <a:p>
            <a:pPr marL="178587" indent="-178587">
              <a:lnSpc>
                <a:spcPct val="120000"/>
              </a:lnSpc>
              <a:buSzPct val="123000"/>
              <a:buChar char="•"/>
              <a:defRPr>
                <a:solidFill>
                  <a:srgbClr val="000000"/>
                </a:solidFill>
              </a:defRPr>
            </a:pPr>
            <a:r>
              <a:rPr lang="en-US" sz="1266" b="1" dirty="0"/>
              <a:t>Maintain </a:t>
            </a:r>
            <a:r>
              <a:rPr sz="1266" b="1" dirty="0"/>
              <a:t>spatial correspondence between group and personalized FNs</a:t>
            </a:r>
          </a:p>
          <a:p>
            <a:pPr marL="178587" indent="-178587">
              <a:lnSpc>
                <a:spcPct val="120000"/>
              </a:lnSpc>
              <a:buSzPct val="123000"/>
              <a:buChar char="•"/>
              <a:defRPr>
                <a:solidFill>
                  <a:srgbClr val="000000"/>
                </a:solidFill>
              </a:defRPr>
            </a:pPr>
            <a:r>
              <a:rPr sz="1266" b="1" dirty="0"/>
              <a:t>Well documented and optimized code scripts</a:t>
            </a:r>
          </a:p>
        </p:txBody>
      </p:sp>
      <p:sp>
        <p:nvSpPr>
          <p:cNvPr id="36" name="Volume…">
            <a:extLst>
              <a:ext uri="{FF2B5EF4-FFF2-40B4-BE49-F238E27FC236}">
                <a16:creationId xmlns:a16="http://schemas.microsoft.com/office/drawing/2014/main" id="{EC3A36E2-828E-2DD6-5C33-6B8562267F0E}"/>
              </a:ext>
            </a:extLst>
          </p:cNvPr>
          <p:cNvSpPr txBox="1"/>
          <p:nvPr/>
        </p:nvSpPr>
        <p:spPr>
          <a:xfrm>
            <a:off x="4569445" y="4284583"/>
            <a:ext cx="631648" cy="26693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none" lIns="35719" tIns="35719" rIns="35719" bIns="35719" anchor="ctr">
            <a:spAutoFit/>
          </a:bodyPr>
          <a:lstStyle/>
          <a:p>
            <a:pPr>
              <a:defRPr>
                <a:solidFill>
                  <a:srgbClr val="000000"/>
                </a:solidFill>
              </a:defRPr>
            </a:pPr>
            <a:r>
              <a:rPr sz="1266" b="1" dirty="0"/>
              <a:t>Volume</a:t>
            </a:r>
            <a:r>
              <a:rPr lang="en-US" sz="1266" b="1" dirty="0"/>
              <a:t>s</a:t>
            </a:r>
            <a:endParaRPr sz="1266" b="1" dirty="0"/>
          </a:p>
        </p:txBody>
      </p:sp>
      <p:sp>
        <p:nvSpPr>
          <p:cNvPr id="37" name="Functional connectivity">
            <a:extLst>
              <a:ext uri="{FF2B5EF4-FFF2-40B4-BE49-F238E27FC236}">
                <a16:creationId xmlns:a16="http://schemas.microsoft.com/office/drawing/2014/main" id="{A3D69D78-737F-11E3-B23E-DDF7E8349448}"/>
              </a:ext>
            </a:extLst>
          </p:cNvPr>
          <p:cNvSpPr txBox="1"/>
          <p:nvPr/>
        </p:nvSpPr>
        <p:spPr>
          <a:xfrm>
            <a:off x="8079711" y="3758795"/>
            <a:ext cx="1585370" cy="26693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none" lIns="35719" tIns="35719" rIns="35719" bIns="35719" anchor="ctr">
            <a:spAutoFit/>
          </a:bodyPr>
          <a:lstStyle>
            <a:lvl1pPr>
              <a:defRPr>
                <a:solidFill>
                  <a:srgbClr val="000000"/>
                </a:solidFill>
              </a:defRPr>
            </a:lvl1pPr>
          </a:lstStyle>
          <a:p>
            <a:r>
              <a:rPr sz="1266" b="1" dirty="0"/>
              <a:t>Functional connectivity</a:t>
            </a:r>
          </a:p>
        </p:txBody>
      </p:sp>
      <p:sp>
        <p:nvSpPr>
          <p:cNvPr id="38" name="Surface…">
            <a:extLst>
              <a:ext uri="{FF2B5EF4-FFF2-40B4-BE49-F238E27FC236}">
                <a16:creationId xmlns:a16="http://schemas.microsoft.com/office/drawing/2014/main" id="{CA7B4058-E358-3B33-8C14-DC15A81D88B7}"/>
              </a:ext>
            </a:extLst>
          </p:cNvPr>
          <p:cNvSpPr txBox="1"/>
          <p:nvPr/>
        </p:nvSpPr>
        <p:spPr>
          <a:xfrm>
            <a:off x="5917471" y="4284583"/>
            <a:ext cx="1273383" cy="26693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square" lIns="35719" tIns="35719" rIns="35719" bIns="35719" anchor="ctr">
            <a:spAutoFit/>
          </a:bodyPr>
          <a:lstStyle/>
          <a:p>
            <a:pPr>
              <a:defRPr>
                <a:solidFill>
                  <a:srgbClr val="000000"/>
                </a:solidFill>
              </a:defRPr>
            </a:pPr>
            <a:r>
              <a:rPr sz="1266" b="1" dirty="0"/>
              <a:t>Surface</a:t>
            </a:r>
            <a:r>
              <a:rPr lang="en-US" sz="1266" b="1" dirty="0"/>
              <a:t>s</a:t>
            </a:r>
            <a:endParaRPr sz="1266" b="1" dirty="0"/>
          </a:p>
        </p:txBody>
      </p:sp>
      <p:sp>
        <p:nvSpPr>
          <p:cNvPr id="42" name="FC matrix">
            <a:extLst>
              <a:ext uri="{FF2B5EF4-FFF2-40B4-BE49-F238E27FC236}">
                <a16:creationId xmlns:a16="http://schemas.microsoft.com/office/drawing/2014/main" id="{BB0FB970-8084-7BAC-6397-71A54B3D3B63}"/>
              </a:ext>
            </a:extLst>
          </p:cNvPr>
          <p:cNvSpPr txBox="1"/>
          <p:nvPr/>
        </p:nvSpPr>
        <p:spPr>
          <a:xfrm>
            <a:off x="7503248" y="4284583"/>
            <a:ext cx="734993" cy="26693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35719" tIns="35719" rIns="35719" bIns="35719" anchor="ctr">
            <a:spAutoFit/>
          </a:bodyPr>
          <a:lstStyle>
            <a:lvl1pPr>
              <a:defRPr>
                <a:solidFill>
                  <a:srgbClr val="000000"/>
                </a:solidFill>
              </a:defRPr>
            </a:lvl1pPr>
          </a:lstStyle>
          <a:p>
            <a:r>
              <a:rPr sz="1266" b="1" dirty="0"/>
              <a:t>FC matrix</a:t>
            </a:r>
          </a:p>
        </p:txBody>
      </p:sp>
      <p:sp>
        <p:nvSpPr>
          <p:cNvPr id="43" name="Graph">
            <a:extLst>
              <a:ext uri="{FF2B5EF4-FFF2-40B4-BE49-F238E27FC236}">
                <a16:creationId xmlns:a16="http://schemas.microsoft.com/office/drawing/2014/main" id="{2196C483-B8D0-3F12-DA7B-E21B6C9907DF}"/>
              </a:ext>
            </a:extLst>
          </p:cNvPr>
          <p:cNvSpPr txBox="1"/>
          <p:nvPr/>
        </p:nvSpPr>
        <p:spPr>
          <a:xfrm>
            <a:off x="9048264" y="4284583"/>
            <a:ext cx="474553" cy="26693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none" lIns="35719" tIns="35719" rIns="35719" bIns="35719" anchor="ctr">
            <a:spAutoFit/>
          </a:bodyPr>
          <a:lstStyle>
            <a:lvl1pPr>
              <a:defRPr>
                <a:solidFill>
                  <a:srgbClr val="000000"/>
                </a:solidFill>
              </a:defRPr>
            </a:lvl1pPr>
          </a:lstStyle>
          <a:p>
            <a:r>
              <a:rPr sz="1266" b="1" dirty="0"/>
              <a:t>Graph</a:t>
            </a:r>
          </a:p>
        </p:txBody>
      </p:sp>
      <p:pic>
        <p:nvPicPr>
          <p:cNvPr id="44" name="Screenshot 2023-05-17 at 2.18.01 PM.jpg" descr="Screenshot 2023-05-17 at 2.18.01 PM.jpg">
            <a:extLst>
              <a:ext uri="{FF2B5EF4-FFF2-40B4-BE49-F238E27FC236}">
                <a16:creationId xmlns:a16="http://schemas.microsoft.com/office/drawing/2014/main" id="{EBB81122-2A99-A360-19D6-4D61BA8C49B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229735" y="4052289"/>
            <a:ext cx="818529" cy="731520"/>
          </a:xfrm>
          <a:prstGeom prst="rect">
            <a:avLst/>
          </a:prstGeom>
          <a:ln w="12700">
            <a:miter lim="400000"/>
          </a:ln>
        </p:spPr>
      </p:pic>
      <p:pic>
        <p:nvPicPr>
          <p:cNvPr id="45" name="Screenshot 2023-05-16 at 11.09.59 AM.jpg" descr="Screenshot 2023-05-16 at 11.09.59 AM.jpg">
            <a:extLst>
              <a:ext uri="{FF2B5EF4-FFF2-40B4-BE49-F238E27FC236}">
                <a16:creationId xmlns:a16="http://schemas.microsoft.com/office/drawing/2014/main" id="{667B62C6-7F80-249E-4E5F-D0947AF359DC}"/>
              </a:ext>
            </a:extLst>
          </p:cNvPr>
          <p:cNvPicPr>
            <a:picLocks noChangeAspect="1"/>
          </p:cNvPicPr>
          <p:nvPr/>
        </p:nvPicPr>
        <p:blipFill>
          <a:blip r:embed="rId8"/>
          <a:srcRect l="10954" t="23017" r="23370" b="19969"/>
          <a:stretch>
            <a:fillRect/>
          </a:stretch>
        </p:blipFill>
        <p:spPr>
          <a:xfrm>
            <a:off x="5361594" y="5008251"/>
            <a:ext cx="714194" cy="489214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575" h="21546" extrusionOk="0">
                <a:moveTo>
                  <a:pt x="12692" y="11"/>
                </a:moveTo>
                <a:cubicBezTo>
                  <a:pt x="12372" y="10"/>
                  <a:pt x="12310" y="20"/>
                  <a:pt x="12161" y="109"/>
                </a:cubicBezTo>
                <a:cubicBezTo>
                  <a:pt x="11999" y="207"/>
                  <a:pt x="11984" y="200"/>
                  <a:pt x="11790" y="146"/>
                </a:cubicBezTo>
                <a:cubicBezTo>
                  <a:pt x="11620" y="99"/>
                  <a:pt x="11548" y="109"/>
                  <a:pt x="11360" y="158"/>
                </a:cubicBezTo>
                <a:cubicBezTo>
                  <a:pt x="11237" y="191"/>
                  <a:pt x="11043" y="206"/>
                  <a:pt x="10930" y="195"/>
                </a:cubicBezTo>
                <a:cubicBezTo>
                  <a:pt x="10818" y="185"/>
                  <a:pt x="10531" y="181"/>
                  <a:pt x="10298" y="183"/>
                </a:cubicBezTo>
                <a:cubicBezTo>
                  <a:pt x="9825" y="188"/>
                  <a:pt x="9662" y="247"/>
                  <a:pt x="9404" y="503"/>
                </a:cubicBezTo>
                <a:cubicBezTo>
                  <a:pt x="9269" y="637"/>
                  <a:pt x="9257" y="640"/>
                  <a:pt x="8781" y="675"/>
                </a:cubicBezTo>
                <a:cubicBezTo>
                  <a:pt x="7791" y="746"/>
                  <a:pt x="7377" y="859"/>
                  <a:pt x="6639" y="1289"/>
                </a:cubicBezTo>
                <a:cubicBezTo>
                  <a:pt x="6170" y="1563"/>
                  <a:pt x="5198" y="2252"/>
                  <a:pt x="4785" y="2604"/>
                </a:cubicBezTo>
                <a:cubicBezTo>
                  <a:pt x="4412" y="2922"/>
                  <a:pt x="3892" y="3437"/>
                  <a:pt x="3571" y="3796"/>
                </a:cubicBezTo>
                <a:cubicBezTo>
                  <a:pt x="3018" y="4415"/>
                  <a:pt x="2223" y="5659"/>
                  <a:pt x="1354" y="7274"/>
                </a:cubicBezTo>
                <a:cubicBezTo>
                  <a:pt x="855" y="8202"/>
                  <a:pt x="616" y="8793"/>
                  <a:pt x="368" y="9696"/>
                </a:cubicBezTo>
                <a:cubicBezTo>
                  <a:pt x="98" y="10672"/>
                  <a:pt x="26" y="11114"/>
                  <a:pt x="5" y="11896"/>
                </a:cubicBezTo>
                <a:cubicBezTo>
                  <a:pt x="-12" y="12527"/>
                  <a:pt x="12" y="12950"/>
                  <a:pt x="123" y="13665"/>
                </a:cubicBezTo>
                <a:cubicBezTo>
                  <a:pt x="163" y="13920"/>
                  <a:pt x="207" y="14318"/>
                  <a:pt x="224" y="14563"/>
                </a:cubicBezTo>
                <a:cubicBezTo>
                  <a:pt x="266" y="15162"/>
                  <a:pt x="340" y="15416"/>
                  <a:pt x="545" y="15718"/>
                </a:cubicBezTo>
                <a:cubicBezTo>
                  <a:pt x="751" y="16022"/>
                  <a:pt x="1378" y="16631"/>
                  <a:pt x="1876" y="17008"/>
                </a:cubicBezTo>
                <a:cubicBezTo>
                  <a:pt x="2498" y="17479"/>
                  <a:pt x="2941" y="17666"/>
                  <a:pt x="3849" y="17819"/>
                </a:cubicBezTo>
                <a:cubicBezTo>
                  <a:pt x="4293" y="17894"/>
                  <a:pt x="4818" y="18009"/>
                  <a:pt x="4920" y="18053"/>
                </a:cubicBezTo>
                <a:cubicBezTo>
                  <a:pt x="4942" y="18062"/>
                  <a:pt x="4925" y="18190"/>
                  <a:pt x="4878" y="18459"/>
                </a:cubicBezTo>
                <a:cubicBezTo>
                  <a:pt x="4780" y="19006"/>
                  <a:pt x="4790" y="19601"/>
                  <a:pt x="4903" y="19958"/>
                </a:cubicBezTo>
                <a:cubicBezTo>
                  <a:pt x="4945" y="20092"/>
                  <a:pt x="5018" y="20267"/>
                  <a:pt x="5063" y="20351"/>
                </a:cubicBezTo>
                <a:cubicBezTo>
                  <a:pt x="5336" y="20856"/>
                  <a:pt x="6041" y="21341"/>
                  <a:pt x="6766" y="21531"/>
                </a:cubicBezTo>
                <a:cubicBezTo>
                  <a:pt x="6910" y="21569"/>
                  <a:pt x="7280" y="21530"/>
                  <a:pt x="7423" y="21457"/>
                </a:cubicBezTo>
                <a:cubicBezTo>
                  <a:pt x="7579" y="21378"/>
                  <a:pt x="7704" y="21285"/>
                  <a:pt x="8064" y="21003"/>
                </a:cubicBezTo>
                <a:lnTo>
                  <a:pt x="8292" y="20831"/>
                </a:lnTo>
                <a:lnTo>
                  <a:pt x="8528" y="20978"/>
                </a:lnTo>
                <a:cubicBezTo>
                  <a:pt x="9049" y="21302"/>
                  <a:pt x="9687" y="21427"/>
                  <a:pt x="10104" y="21285"/>
                </a:cubicBezTo>
                <a:cubicBezTo>
                  <a:pt x="10336" y="21207"/>
                  <a:pt x="10979" y="20766"/>
                  <a:pt x="11293" y="20474"/>
                </a:cubicBezTo>
                <a:cubicBezTo>
                  <a:pt x="11468" y="20311"/>
                  <a:pt x="11549" y="20245"/>
                  <a:pt x="11866" y="19983"/>
                </a:cubicBezTo>
                <a:cubicBezTo>
                  <a:pt x="12398" y="19542"/>
                  <a:pt x="12850" y="19208"/>
                  <a:pt x="13189" y="18999"/>
                </a:cubicBezTo>
                <a:cubicBezTo>
                  <a:pt x="13386" y="18879"/>
                  <a:pt x="13647" y="18778"/>
                  <a:pt x="14420" y="18557"/>
                </a:cubicBezTo>
                <a:cubicBezTo>
                  <a:pt x="15315" y="18301"/>
                  <a:pt x="15882" y="18109"/>
                  <a:pt x="16688" y="17770"/>
                </a:cubicBezTo>
                <a:cubicBezTo>
                  <a:pt x="16851" y="17702"/>
                  <a:pt x="17129" y="17592"/>
                  <a:pt x="17303" y="17524"/>
                </a:cubicBezTo>
                <a:cubicBezTo>
                  <a:pt x="17932" y="17279"/>
                  <a:pt x="18746" y="16933"/>
                  <a:pt x="19208" y="16726"/>
                </a:cubicBezTo>
                <a:cubicBezTo>
                  <a:pt x="19575" y="16561"/>
                  <a:pt x="19728" y="16505"/>
                  <a:pt x="20169" y="16369"/>
                </a:cubicBezTo>
                <a:cubicBezTo>
                  <a:pt x="20641" y="16224"/>
                  <a:pt x="20947" y="16036"/>
                  <a:pt x="21097" y="15804"/>
                </a:cubicBezTo>
                <a:cubicBezTo>
                  <a:pt x="21271" y="15534"/>
                  <a:pt x="21465" y="15006"/>
                  <a:pt x="21501" y="14710"/>
                </a:cubicBezTo>
                <a:cubicBezTo>
                  <a:pt x="21508" y="14651"/>
                  <a:pt x="21527" y="14532"/>
                  <a:pt x="21543" y="14440"/>
                </a:cubicBezTo>
                <a:cubicBezTo>
                  <a:pt x="21574" y="14273"/>
                  <a:pt x="21588" y="13251"/>
                  <a:pt x="21560" y="13186"/>
                </a:cubicBezTo>
                <a:cubicBezTo>
                  <a:pt x="21552" y="13167"/>
                  <a:pt x="21535" y="12964"/>
                  <a:pt x="21518" y="12744"/>
                </a:cubicBezTo>
                <a:cubicBezTo>
                  <a:pt x="21413" y="11349"/>
                  <a:pt x="21343" y="10966"/>
                  <a:pt x="21130" y="10507"/>
                </a:cubicBezTo>
                <a:cubicBezTo>
                  <a:pt x="21056" y="10347"/>
                  <a:pt x="20953" y="9894"/>
                  <a:pt x="20911" y="9560"/>
                </a:cubicBezTo>
                <a:cubicBezTo>
                  <a:pt x="20887" y="9368"/>
                  <a:pt x="20699" y="8507"/>
                  <a:pt x="20591" y="8073"/>
                </a:cubicBezTo>
                <a:cubicBezTo>
                  <a:pt x="20542" y="7876"/>
                  <a:pt x="20277" y="7071"/>
                  <a:pt x="20161" y="6771"/>
                </a:cubicBezTo>
                <a:cubicBezTo>
                  <a:pt x="19798" y="5832"/>
                  <a:pt x="19318" y="5057"/>
                  <a:pt x="18955" y="4829"/>
                </a:cubicBezTo>
                <a:cubicBezTo>
                  <a:pt x="18849" y="4762"/>
                  <a:pt x="18648" y="4554"/>
                  <a:pt x="18247" y="4091"/>
                </a:cubicBezTo>
                <a:cubicBezTo>
                  <a:pt x="17900" y="3690"/>
                  <a:pt x="17665" y="3311"/>
                  <a:pt x="17337" y="2604"/>
                </a:cubicBezTo>
                <a:cubicBezTo>
                  <a:pt x="16903" y="1669"/>
                  <a:pt x="16579" y="1314"/>
                  <a:pt x="15988" y="1142"/>
                </a:cubicBezTo>
                <a:cubicBezTo>
                  <a:pt x="15797" y="1086"/>
                  <a:pt x="15646" y="1007"/>
                  <a:pt x="15508" y="896"/>
                </a:cubicBezTo>
                <a:cubicBezTo>
                  <a:pt x="14729" y="268"/>
                  <a:pt x="14464" y="106"/>
                  <a:pt x="14075" y="23"/>
                </a:cubicBezTo>
                <a:cubicBezTo>
                  <a:pt x="13820" y="-31"/>
                  <a:pt x="13614" y="10"/>
                  <a:pt x="13459" y="134"/>
                </a:cubicBezTo>
                <a:cubicBezTo>
                  <a:pt x="13398" y="182"/>
                  <a:pt x="13364" y="173"/>
                  <a:pt x="13223" y="97"/>
                </a:cubicBezTo>
                <a:cubicBezTo>
                  <a:pt x="13091" y="25"/>
                  <a:pt x="12988" y="12"/>
                  <a:pt x="12692" y="11"/>
                </a:cubicBezTo>
                <a:close/>
              </a:path>
            </a:pathLst>
          </a:custGeom>
          <a:ln w="12700">
            <a:miter lim="400000"/>
          </a:ln>
        </p:spPr>
      </p:pic>
      <p:pic>
        <p:nvPicPr>
          <p:cNvPr id="46" name="Screenshot 2023-05-16 at 11.10.12 AM.jpg" descr="Screenshot 2023-05-16 at 11.10.12 AM.jpg">
            <a:extLst>
              <a:ext uri="{FF2B5EF4-FFF2-40B4-BE49-F238E27FC236}">
                <a16:creationId xmlns:a16="http://schemas.microsoft.com/office/drawing/2014/main" id="{5AA3F310-2188-E2C4-7034-D096FCC185D1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10954" t="23017" r="23375" b="19976"/>
          <a:stretch>
            <a:fillRect/>
          </a:stretch>
        </p:blipFill>
        <p:spPr>
          <a:xfrm>
            <a:off x="7503085" y="5008252"/>
            <a:ext cx="714230" cy="489214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582" h="21546" extrusionOk="0">
                <a:moveTo>
                  <a:pt x="12704" y="11"/>
                </a:moveTo>
                <a:cubicBezTo>
                  <a:pt x="12384" y="10"/>
                  <a:pt x="12313" y="20"/>
                  <a:pt x="12164" y="109"/>
                </a:cubicBezTo>
                <a:cubicBezTo>
                  <a:pt x="12002" y="207"/>
                  <a:pt x="11988" y="200"/>
                  <a:pt x="11793" y="146"/>
                </a:cubicBezTo>
                <a:cubicBezTo>
                  <a:pt x="11623" y="99"/>
                  <a:pt x="11551" y="109"/>
                  <a:pt x="11363" y="158"/>
                </a:cubicBezTo>
                <a:cubicBezTo>
                  <a:pt x="11240" y="191"/>
                  <a:pt x="11046" y="206"/>
                  <a:pt x="10933" y="195"/>
                </a:cubicBezTo>
                <a:cubicBezTo>
                  <a:pt x="10821" y="185"/>
                  <a:pt x="10534" y="181"/>
                  <a:pt x="10301" y="183"/>
                </a:cubicBezTo>
                <a:cubicBezTo>
                  <a:pt x="9828" y="188"/>
                  <a:pt x="9665" y="247"/>
                  <a:pt x="9407" y="503"/>
                </a:cubicBezTo>
                <a:cubicBezTo>
                  <a:pt x="9271" y="637"/>
                  <a:pt x="9260" y="640"/>
                  <a:pt x="8783" y="675"/>
                </a:cubicBezTo>
                <a:cubicBezTo>
                  <a:pt x="7511" y="766"/>
                  <a:pt x="6989" y="983"/>
                  <a:pt x="5570" y="2014"/>
                </a:cubicBezTo>
                <a:cubicBezTo>
                  <a:pt x="3747" y="3340"/>
                  <a:pt x="2890" y="4418"/>
                  <a:pt x="1321" y="7348"/>
                </a:cubicBezTo>
                <a:cubicBezTo>
                  <a:pt x="817" y="8289"/>
                  <a:pt x="564" y="8926"/>
                  <a:pt x="300" y="9929"/>
                </a:cubicBezTo>
                <a:cubicBezTo>
                  <a:pt x="108" y="10660"/>
                  <a:pt x="25" y="11209"/>
                  <a:pt x="5" y="11896"/>
                </a:cubicBezTo>
                <a:cubicBezTo>
                  <a:pt x="-13" y="12528"/>
                  <a:pt x="11" y="12945"/>
                  <a:pt x="123" y="13665"/>
                </a:cubicBezTo>
                <a:cubicBezTo>
                  <a:pt x="163" y="13920"/>
                  <a:pt x="207" y="14331"/>
                  <a:pt x="224" y="14575"/>
                </a:cubicBezTo>
                <a:cubicBezTo>
                  <a:pt x="266" y="15175"/>
                  <a:pt x="340" y="15429"/>
                  <a:pt x="545" y="15730"/>
                </a:cubicBezTo>
                <a:cubicBezTo>
                  <a:pt x="753" y="16035"/>
                  <a:pt x="1382" y="16634"/>
                  <a:pt x="1877" y="17008"/>
                </a:cubicBezTo>
                <a:cubicBezTo>
                  <a:pt x="2499" y="17479"/>
                  <a:pt x="2942" y="17666"/>
                  <a:pt x="3850" y="17819"/>
                </a:cubicBezTo>
                <a:cubicBezTo>
                  <a:pt x="4294" y="17894"/>
                  <a:pt x="4820" y="18009"/>
                  <a:pt x="4921" y="18053"/>
                </a:cubicBezTo>
                <a:cubicBezTo>
                  <a:pt x="4943" y="18062"/>
                  <a:pt x="4927" y="18190"/>
                  <a:pt x="4879" y="18459"/>
                </a:cubicBezTo>
                <a:cubicBezTo>
                  <a:pt x="4782" y="19006"/>
                  <a:pt x="4791" y="19601"/>
                  <a:pt x="4904" y="19958"/>
                </a:cubicBezTo>
                <a:cubicBezTo>
                  <a:pt x="4947" y="20092"/>
                  <a:pt x="5019" y="20267"/>
                  <a:pt x="5064" y="20351"/>
                </a:cubicBezTo>
                <a:cubicBezTo>
                  <a:pt x="5335" y="20851"/>
                  <a:pt x="6051" y="21343"/>
                  <a:pt x="6768" y="21531"/>
                </a:cubicBezTo>
                <a:cubicBezTo>
                  <a:pt x="6912" y="21569"/>
                  <a:pt x="7282" y="21530"/>
                  <a:pt x="7425" y="21457"/>
                </a:cubicBezTo>
                <a:cubicBezTo>
                  <a:pt x="7582" y="21378"/>
                  <a:pt x="7706" y="21297"/>
                  <a:pt x="8066" y="21015"/>
                </a:cubicBezTo>
                <a:lnTo>
                  <a:pt x="8294" y="20831"/>
                </a:lnTo>
                <a:lnTo>
                  <a:pt x="8530" y="20978"/>
                </a:lnTo>
                <a:cubicBezTo>
                  <a:pt x="9081" y="21321"/>
                  <a:pt x="9708" y="21428"/>
                  <a:pt x="10157" y="21261"/>
                </a:cubicBezTo>
                <a:cubicBezTo>
                  <a:pt x="10381" y="21177"/>
                  <a:pt x="11160" y="20640"/>
                  <a:pt x="11296" y="20474"/>
                </a:cubicBezTo>
                <a:cubicBezTo>
                  <a:pt x="11346" y="20412"/>
                  <a:pt x="11696" y="20124"/>
                  <a:pt x="12190" y="19724"/>
                </a:cubicBezTo>
                <a:cubicBezTo>
                  <a:pt x="12435" y="19526"/>
                  <a:pt x="13003" y="19117"/>
                  <a:pt x="13227" y="18975"/>
                </a:cubicBezTo>
                <a:cubicBezTo>
                  <a:pt x="13324" y="18913"/>
                  <a:pt x="13779" y="18758"/>
                  <a:pt x="14390" y="18581"/>
                </a:cubicBezTo>
                <a:cubicBezTo>
                  <a:pt x="14945" y="18421"/>
                  <a:pt x="15627" y="18198"/>
                  <a:pt x="15900" y="18090"/>
                </a:cubicBezTo>
                <a:cubicBezTo>
                  <a:pt x="17272" y="17548"/>
                  <a:pt x="18671" y="16969"/>
                  <a:pt x="19214" y="16726"/>
                </a:cubicBezTo>
                <a:cubicBezTo>
                  <a:pt x="19580" y="16561"/>
                  <a:pt x="19734" y="16505"/>
                  <a:pt x="20175" y="16369"/>
                </a:cubicBezTo>
                <a:cubicBezTo>
                  <a:pt x="20708" y="16205"/>
                  <a:pt x="20965" y="16044"/>
                  <a:pt x="21153" y="15730"/>
                </a:cubicBezTo>
                <a:cubicBezTo>
                  <a:pt x="21356" y="15392"/>
                  <a:pt x="21483" y="14968"/>
                  <a:pt x="21566" y="14354"/>
                </a:cubicBezTo>
                <a:cubicBezTo>
                  <a:pt x="21587" y="14199"/>
                  <a:pt x="21586" y="13234"/>
                  <a:pt x="21566" y="13186"/>
                </a:cubicBezTo>
                <a:cubicBezTo>
                  <a:pt x="21558" y="13167"/>
                  <a:pt x="21541" y="12964"/>
                  <a:pt x="21524" y="12744"/>
                </a:cubicBezTo>
                <a:cubicBezTo>
                  <a:pt x="21419" y="11349"/>
                  <a:pt x="21349" y="10966"/>
                  <a:pt x="21136" y="10507"/>
                </a:cubicBezTo>
                <a:cubicBezTo>
                  <a:pt x="21062" y="10347"/>
                  <a:pt x="20959" y="9894"/>
                  <a:pt x="20917" y="9560"/>
                </a:cubicBezTo>
                <a:cubicBezTo>
                  <a:pt x="20893" y="9368"/>
                  <a:pt x="20713" y="8507"/>
                  <a:pt x="20605" y="8073"/>
                </a:cubicBezTo>
                <a:cubicBezTo>
                  <a:pt x="20554" y="7870"/>
                  <a:pt x="20285" y="7052"/>
                  <a:pt x="20175" y="6771"/>
                </a:cubicBezTo>
                <a:cubicBezTo>
                  <a:pt x="19794" y="5797"/>
                  <a:pt x="19332" y="5062"/>
                  <a:pt x="18961" y="4829"/>
                </a:cubicBezTo>
                <a:cubicBezTo>
                  <a:pt x="18854" y="4762"/>
                  <a:pt x="18653" y="4555"/>
                  <a:pt x="18252" y="4091"/>
                </a:cubicBezTo>
                <a:cubicBezTo>
                  <a:pt x="17905" y="3689"/>
                  <a:pt x="17670" y="3312"/>
                  <a:pt x="17342" y="2604"/>
                </a:cubicBezTo>
                <a:cubicBezTo>
                  <a:pt x="16907" y="1669"/>
                  <a:pt x="16584" y="1314"/>
                  <a:pt x="15992" y="1142"/>
                </a:cubicBezTo>
                <a:cubicBezTo>
                  <a:pt x="15801" y="1086"/>
                  <a:pt x="15650" y="1007"/>
                  <a:pt x="15512" y="896"/>
                </a:cubicBezTo>
                <a:cubicBezTo>
                  <a:pt x="14733" y="268"/>
                  <a:pt x="14468" y="106"/>
                  <a:pt x="14078" y="23"/>
                </a:cubicBezTo>
                <a:cubicBezTo>
                  <a:pt x="13824" y="-31"/>
                  <a:pt x="13618" y="10"/>
                  <a:pt x="13463" y="134"/>
                </a:cubicBezTo>
                <a:cubicBezTo>
                  <a:pt x="13402" y="183"/>
                  <a:pt x="13368" y="173"/>
                  <a:pt x="13227" y="97"/>
                </a:cubicBezTo>
                <a:cubicBezTo>
                  <a:pt x="13094" y="25"/>
                  <a:pt x="13000" y="12"/>
                  <a:pt x="12704" y="11"/>
                </a:cubicBezTo>
                <a:close/>
              </a:path>
            </a:pathLst>
          </a:custGeom>
          <a:ln w="12700">
            <a:miter lim="400000"/>
          </a:ln>
        </p:spPr>
      </p:pic>
      <p:sp>
        <p:nvSpPr>
          <p:cNvPr id="47" name="Line">
            <a:extLst>
              <a:ext uri="{FF2B5EF4-FFF2-40B4-BE49-F238E27FC236}">
                <a16:creationId xmlns:a16="http://schemas.microsoft.com/office/drawing/2014/main" id="{05AD6F35-6325-862C-F313-B29A0554B05A}"/>
              </a:ext>
            </a:extLst>
          </p:cNvPr>
          <p:cNvSpPr/>
          <p:nvPr/>
        </p:nvSpPr>
        <p:spPr>
          <a:xfrm>
            <a:off x="6259290" y="5252858"/>
            <a:ext cx="838469" cy="1"/>
          </a:xfrm>
          <a:prstGeom prst="line">
            <a:avLst/>
          </a:prstGeom>
          <a:ln w="25400">
            <a:solidFill>
              <a:schemeClr val="accent1"/>
            </a:solidFill>
            <a:miter lim="400000"/>
            <a:headEnd type="triangle"/>
            <a:tailEnd type="triangle"/>
          </a:ln>
        </p:spPr>
        <p:txBody>
          <a:bodyPr lIns="35719" tIns="35719" rIns="35719" bIns="35719" anchor="ctr"/>
          <a:lstStyle/>
          <a:p>
            <a:endParaRPr sz="1266" b="1"/>
          </a:p>
        </p:txBody>
      </p:sp>
      <p:sp>
        <p:nvSpPr>
          <p:cNvPr id="48" name="Group FN">
            <a:extLst>
              <a:ext uri="{FF2B5EF4-FFF2-40B4-BE49-F238E27FC236}">
                <a16:creationId xmlns:a16="http://schemas.microsoft.com/office/drawing/2014/main" id="{CD568F11-C509-FA89-1EC0-DD1B1B655111}"/>
              </a:ext>
            </a:extLst>
          </p:cNvPr>
          <p:cNvSpPr txBox="1"/>
          <p:nvPr/>
        </p:nvSpPr>
        <p:spPr>
          <a:xfrm>
            <a:off x="4642711" y="5119392"/>
            <a:ext cx="698974" cy="26693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none" lIns="35719" tIns="35719" rIns="35719" bIns="35719" anchor="ctr">
            <a:spAutoFit/>
          </a:bodyPr>
          <a:lstStyle>
            <a:lvl1pPr>
              <a:defRPr>
                <a:solidFill>
                  <a:srgbClr val="000000"/>
                </a:solidFill>
              </a:defRPr>
            </a:lvl1pPr>
          </a:lstStyle>
          <a:p>
            <a:r>
              <a:rPr sz="1266" b="1" dirty="0"/>
              <a:t>Group FN</a:t>
            </a:r>
          </a:p>
        </p:txBody>
      </p:sp>
      <p:sp>
        <p:nvSpPr>
          <p:cNvPr id="49" name="pFN">
            <a:extLst>
              <a:ext uri="{FF2B5EF4-FFF2-40B4-BE49-F238E27FC236}">
                <a16:creationId xmlns:a16="http://schemas.microsoft.com/office/drawing/2014/main" id="{8714917A-B1CA-803B-1C11-EFE8238D0D19}"/>
              </a:ext>
            </a:extLst>
          </p:cNvPr>
          <p:cNvSpPr txBox="1"/>
          <p:nvPr/>
        </p:nvSpPr>
        <p:spPr>
          <a:xfrm>
            <a:off x="7169273" y="5119392"/>
            <a:ext cx="336632" cy="26693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none" lIns="35719" tIns="35719" rIns="35719" bIns="35719" anchor="ctr">
            <a:spAutoFit/>
          </a:bodyPr>
          <a:lstStyle>
            <a:lvl1pPr>
              <a:defRPr>
                <a:solidFill>
                  <a:srgbClr val="000000"/>
                </a:solidFill>
              </a:defRPr>
            </a:lvl1pPr>
          </a:lstStyle>
          <a:p>
            <a:r>
              <a:rPr sz="1266" b="1" dirty="0" err="1"/>
              <a:t>pFN</a:t>
            </a:r>
            <a:endParaRPr sz="1266" b="1" dirty="0"/>
          </a:p>
        </p:txBody>
      </p:sp>
      <p:sp>
        <p:nvSpPr>
          <p:cNvPr id="50" name="Match">
            <a:extLst>
              <a:ext uri="{FF2B5EF4-FFF2-40B4-BE49-F238E27FC236}">
                <a16:creationId xmlns:a16="http://schemas.microsoft.com/office/drawing/2014/main" id="{58FCF69D-2B5F-C3BA-8F4C-207281F19FFA}"/>
              </a:ext>
            </a:extLst>
          </p:cNvPr>
          <p:cNvSpPr txBox="1"/>
          <p:nvPr/>
        </p:nvSpPr>
        <p:spPr>
          <a:xfrm>
            <a:off x="6116214" y="4995943"/>
            <a:ext cx="1108510" cy="26693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none" lIns="35719" tIns="35719" rIns="35719" bIns="35719" anchor="ctr">
            <a:spAutoFit/>
          </a:bodyPr>
          <a:lstStyle>
            <a:lvl1pPr>
              <a:defRPr>
                <a:solidFill>
                  <a:srgbClr val="000000"/>
                </a:solidFill>
              </a:defRPr>
            </a:lvl1pPr>
          </a:lstStyle>
          <a:p>
            <a:r>
              <a:rPr lang="en-US" sz="1266" b="1" dirty="0"/>
              <a:t>correspondence</a:t>
            </a:r>
            <a:endParaRPr sz="1266" b="1" dirty="0"/>
          </a:p>
        </p:txBody>
      </p:sp>
      <p:pic>
        <p:nvPicPr>
          <p:cNvPr id="52" name="Image" descr="Image">
            <a:extLst>
              <a:ext uri="{FF2B5EF4-FFF2-40B4-BE49-F238E27FC236}">
                <a16:creationId xmlns:a16="http://schemas.microsoft.com/office/drawing/2014/main" id="{C3667699-A4CA-6381-0102-F028BD59550E}"/>
              </a:ext>
            </a:extLst>
          </p:cNvPr>
          <p:cNvPicPr>
            <a:picLocks noChangeAspect="1"/>
          </p:cNvPicPr>
          <p:nvPr/>
        </p:nvPicPr>
        <p:blipFill>
          <a:blip r:embed="rId9"/>
          <a:srcRect l="28844" t="7657" r="28844" b="5905"/>
          <a:stretch>
            <a:fillRect/>
          </a:stretch>
        </p:blipFill>
        <p:spPr>
          <a:xfrm rot="5400000" flipH="1">
            <a:off x="5684503" y="1517000"/>
            <a:ext cx="447260" cy="685283"/>
          </a:xfrm>
          <a:prstGeom prst="rect">
            <a:avLst/>
          </a:prstGeom>
          <a:ln w="12700">
            <a:solidFill>
              <a:srgbClr val="D5D5D5"/>
            </a:solidFill>
            <a:miter lim="400000"/>
          </a:ln>
        </p:spPr>
      </p:pic>
      <p:pic>
        <p:nvPicPr>
          <p:cNvPr id="53" name="Image" descr="Image">
            <a:extLst>
              <a:ext uri="{FF2B5EF4-FFF2-40B4-BE49-F238E27FC236}">
                <a16:creationId xmlns:a16="http://schemas.microsoft.com/office/drawing/2014/main" id="{F1521DB1-5CB1-60F2-D728-26CBD58FBBB5}"/>
              </a:ext>
            </a:extLst>
          </p:cNvPr>
          <p:cNvPicPr>
            <a:picLocks noChangeAspect="1"/>
          </p:cNvPicPr>
          <p:nvPr/>
        </p:nvPicPr>
        <p:blipFill>
          <a:blip r:embed="rId9"/>
          <a:srcRect l="28844" t="7657" r="28844" b="5905"/>
          <a:stretch>
            <a:fillRect/>
          </a:stretch>
        </p:blipFill>
        <p:spPr>
          <a:xfrm rot="5400000" flipH="1">
            <a:off x="5602353" y="1586837"/>
            <a:ext cx="447260" cy="685283"/>
          </a:xfrm>
          <a:prstGeom prst="rect">
            <a:avLst/>
          </a:prstGeom>
          <a:ln w="12700">
            <a:solidFill>
              <a:srgbClr val="D5D5D5"/>
            </a:solidFill>
            <a:miter lim="400000"/>
          </a:ln>
        </p:spPr>
      </p:pic>
      <p:pic>
        <p:nvPicPr>
          <p:cNvPr id="54" name="Image" descr="Image">
            <a:extLst>
              <a:ext uri="{FF2B5EF4-FFF2-40B4-BE49-F238E27FC236}">
                <a16:creationId xmlns:a16="http://schemas.microsoft.com/office/drawing/2014/main" id="{68AA3E29-A394-22AE-4471-803376B715C1}"/>
              </a:ext>
            </a:extLst>
          </p:cNvPr>
          <p:cNvPicPr>
            <a:picLocks noChangeAspect="1"/>
          </p:cNvPicPr>
          <p:nvPr/>
        </p:nvPicPr>
        <p:blipFill>
          <a:blip r:embed="rId9"/>
          <a:srcRect l="28844" t="7657" r="28844" b="5905"/>
          <a:stretch>
            <a:fillRect/>
          </a:stretch>
        </p:blipFill>
        <p:spPr>
          <a:xfrm rot="5400000" flipH="1">
            <a:off x="5520563" y="1648739"/>
            <a:ext cx="447260" cy="685283"/>
          </a:xfrm>
          <a:prstGeom prst="rect">
            <a:avLst/>
          </a:prstGeom>
          <a:ln w="12700">
            <a:solidFill>
              <a:srgbClr val="D5D5D5"/>
            </a:solidFill>
            <a:miter lim="400000"/>
          </a:ln>
        </p:spPr>
      </p:pic>
      <p:grpSp>
        <p:nvGrpSpPr>
          <p:cNvPr id="55" name="Group">
            <a:extLst>
              <a:ext uri="{FF2B5EF4-FFF2-40B4-BE49-F238E27FC236}">
                <a16:creationId xmlns:a16="http://schemas.microsoft.com/office/drawing/2014/main" id="{E666CF96-C5CF-7E15-A8C7-8F2052EDE2CD}"/>
              </a:ext>
            </a:extLst>
          </p:cNvPr>
          <p:cNvGrpSpPr/>
          <p:nvPr/>
        </p:nvGrpSpPr>
        <p:grpSpPr>
          <a:xfrm>
            <a:off x="6352188" y="1682689"/>
            <a:ext cx="210814" cy="266933"/>
            <a:chOff x="0" y="-27561"/>
            <a:chExt cx="299822" cy="379636"/>
          </a:xfrm>
        </p:grpSpPr>
        <p:sp>
          <p:nvSpPr>
            <p:cNvPr id="56" name="Circle">
              <a:extLst>
                <a:ext uri="{FF2B5EF4-FFF2-40B4-BE49-F238E27FC236}">
                  <a16:creationId xmlns:a16="http://schemas.microsoft.com/office/drawing/2014/main" id="{EF063325-A1CA-865E-7997-7B4174BB1939}"/>
                </a:ext>
              </a:extLst>
            </p:cNvPr>
            <p:cNvSpPr/>
            <p:nvPr/>
          </p:nvSpPr>
          <p:spPr>
            <a:xfrm>
              <a:off x="0" y="283230"/>
              <a:ext cx="63500" cy="63501"/>
            </a:xfrm>
            <a:prstGeom prst="ellipse">
              <a:avLst/>
            </a:prstGeom>
            <a:solidFill>
              <a:srgbClr val="000000"/>
            </a:solidFill>
            <a:ln w="12700" cap="flat">
              <a:noFill/>
              <a:miter lim="400000"/>
            </a:ln>
            <a:effectLst/>
          </p:spPr>
          <p:txBody>
            <a:bodyPr wrap="square" lIns="35719" tIns="35719" rIns="35719" bIns="35719" numCol="1" anchor="ctr">
              <a:noAutofit/>
            </a:bodyPr>
            <a:lstStyle/>
            <a:p>
              <a:pPr defTabSz="410751">
                <a:defRPr sz="2200">
                  <a:solidFill>
                    <a:srgbClr val="FFFFFF"/>
                  </a:solidFill>
                  <a:latin typeface="Helvetica Neue Medium"/>
                  <a:ea typeface="Helvetica Neue Medium"/>
                  <a:cs typeface="Helvetica Neue Medium"/>
                  <a:sym typeface="Helvetica Neue Medium"/>
                </a:defRPr>
              </a:pPr>
              <a:endParaRPr sz="1547" b="1"/>
            </a:p>
          </p:txBody>
        </p:sp>
        <p:sp>
          <p:nvSpPr>
            <p:cNvPr id="57" name="Circle">
              <a:extLst>
                <a:ext uri="{FF2B5EF4-FFF2-40B4-BE49-F238E27FC236}">
                  <a16:creationId xmlns:a16="http://schemas.microsoft.com/office/drawing/2014/main" id="{12249B0F-475B-80D4-2333-9DB3CA201944}"/>
                </a:ext>
              </a:extLst>
            </p:cNvPr>
            <p:cNvSpPr/>
            <p:nvPr/>
          </p:nvSpPr>
          <p:spPr>
            <a:xfrm>
              <a:off x="116578" y="283230"/>
              <a:ext cx="63501" cy="63501"/>
            </a:xfrm>
            <a:prstGeom prst="ellipse">
              <a:avLst/>
            </a:prstGeom>
            <a:solidFill>
              <a:srgbClr val="000000"/>
            </a:solidFill>
            <a:ln w="12700" cap="flat">
              <a:noFill/>
              <a:miter lim="400000"/>
            </a:ln>
            <a:effectLst/>
          </p:spPr>
          <p:txBody>
            <a:bodyPr wrap="square" lIns="35719" tIns="35719" rIns="35719" bIns="35719" numCol="1" anchor="ctr">
              <a:noAutofit/>
            </a:bodyPr>
            <a:lstStyle/>
            <a:p>
              <a:pPr defTabSz="410751">
                <a:defRPr sz="2200">
                  <a:solidFill>
                    <a:srgbClr val="FFFFFF"/>
                  </a:solidFill>
                  <a:latin typeface="Helvetica Neue Medium"/>
                  <a:ea typeface="Helvetica Neue Medium"/>
                  <a:cs typeface="Helvetica Neue Medium"/>
                  <a:sym typeface="Helvetica Neue Medium"/>
                </a:defRPr>
              </a:pPr>
              <a:endParaRPr sz="1547" b="1"/>
            </a:p>
          </p:txBody>
        </p:sp>
        <p:sp>
          <p:nvSpPr>
            <p:cNvPr id="58" name="Circle">
              <a:extLst>
                <a:ext uri="{FF2B5EF4-FFF2-40B4-BE49-F238E27FC236}">
                  <a16:creationId xmlns:a16="http://schemas.microsoft.com/office/drawing/2014/main" id="{29117A17-EC4F-6A83-22AC-4A435895D956}"/>
                </a:ext>
              </a:extLst>
            </p:cNvPr>
            <p:cNvSpPr/>
            <p:nvPr/>
          </p:nvSpPr>
          <p:spPr>
            <a:xfrm>
              <a:off x="236321" y="283230"/>
              <a:ext cx="63501" cy="63501"/>
            </a:xfrm>
            <a:prstGeom prst="ellipse">
              <a:avLst/>
            </a:prstGeom>
            <a:solidFill>
              <a:srgbClr val="000000"/>
            </a:solidFill>
            <a:ln w="12700" cap="flat">
              <a:noFill/>
              <a:miter lim="400000"/>
            </a:ln>
            <a:effectLst/>
          </p:spPr>
          <p:txBody>
            <a:bodyPr wrap="square" lIns="35719" tIns="35719" rIns="35719" bIns="35719" numCol="1" anchor="ctr">
              <a:noAutofit/>
            </a:bodyPr>
            <a:lstStyle/>
            <a:p>
              <a:pPr defTabSz="410751">
                <a:defRPr sz="2200">
                  <a:solidFill>
                    <a:srgbClr val="FFFFFF"/>
                  </a:solidFill>
                  <a:latin typeface="Helvetica Neue Medium"/>
                  <a:ea typeface="Helvetica Neue Medium"/>
                  <a:cs typeface="Helvetica Neue Medium"/>
                  <a:sym typeface="Helvetica Neue Medium"/>
                </a:defRPr>
              </a:pPr>
              <a:endParaRPr sz="1547" b="1"/>
            </a:p>
          </p:txBody>
        </p:sp>
        <p:sp>
          <p:nvSpPr>
            <p:cNvPr id="59" name="t">
              <a:extLst>
                <a:ext uri="{FF2B5EF4-FFF2-40B4-BE49-F238E27FC236}">
                  <a16:creationId xmlns:a16="http://schemas.microsoft.com/office/drawing/2014/main" id="{58FE3120-9178-4B17-F3F4-54BE5B30C012}"/>
                </a:ext>
              </a:extLst>
            </p:cNvPr>
            <p:cNvSpPr txBox="1"/>
            <p:nvPr/>
          </p:nvSpPr>
          <p:spPr>
            <a:xfrm>
              <a:off x="51811" y="-27561"/>
              <a:ext cx="177826" cy="379636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  <a:extLst>
              <a:ext uri="{C572A759-6A51-4108-AA02-DFA0A04FC94B}">
                <ma14:wrappingTextBoxFlag xmlns="" xmlns:m="http://schemas.openxmlformats.org/officeDocument/2006/math" xmlns:a14="http://schemas.microsoft.com/office/drawing/2010/main" xmlns:ma14="http://schemas.microsoft.com/office/mac/drawingml/2011/main" val="1"/>
              </a:ext>
            </a:extLst>
          </p:spPr>
          <p:txBody>
            <a:bodyPr wrap="none" lIns="35719" tIns="35719" rIns="35719" bIns="35719" numCol="1" anchor="ctr">
              <a:spAutoFit/>
            </a:bodyPr>
            <a:lstStyle>
              <a:lvl1pPr>
                <a:defRPr i="1">
                  <a:solidFill>
                    <a:srgbClr val="000000"/>
                  </a:solidFill>
                </a:defRPr>
              </a:lvl1pPr>
            </a:lstStyle>
            <a:p>
              <a:r>
                <a:rPr sz="1266" b="1"/>
                <a:t>t</a:t>
              </a:r>
            </a:p>
          </p:txBody>
        </p:sp>
      </p:grpSp>
      <p:grpSp>
        <p:nvGrpSpPr>
          <p:cNvPr id="60" name="Group">
            <a:extLst>
              <a:ext uri="{FF2B5EF4-FFF2-40B4-BE49-F238E27FC236}">
                <a16:creationId xmlns:a16="http://schemas.microsoft.com/office/drawing/2014/main" id="{DB313E1B-B930-96ED-3842-C07104AD8327}"/>
              </a:ext>
            </a:extLst>
          </p:cNvPr>
          <p:cNvGrpSpPr/>
          <p:nvPr/>
        </p:nvGrpSpPr>
        <p:grpSpPr>
          <a:xfrm>
            <a:off x="8485164" y="1678628"/>
            <a:ext cx="210813" cy="266933"/>
            <a:chOff x="0" y="-27561"/>
            <a:chExt cx="299822" cy="379636"/>
          </a:xfrm>
        </p:grpSpPr>
        <p:sp>
          <p:nvSpPr>
            <p:cNvPr id="61" name="Circle">
              <a:extLst>
                <a:ext uri="{FF2B5EF4-FFF2-40B4-BE49-F238E27FC236}">
                  <a16:creationId xmlns:a16="http://schemas.microsoft.com/office/drawing/2014/main" id="{B34E2076-D21C-6F88-55BA-813598821505}"/>
                </a:ext>
              </a:extLst>
            </p:cNvPr>
            <p:cNvSpPr/>
            <p:nvPr/>
          </p:nvSpPr>
          <p:spPr>
            <a:xfrm>
              <a:off x="0" y="283230"/>
              <a:ext cx="63500" cy="63501"/>
            </a:xfrm>
            <a:prstGeom prst="ellipse">
              <a:avLst/>
            </a:prstGeom>
            <a:solidFill>
              <a:srgbClr val="929292"/>
            </a:solidFill>
            <a:ln w="12700" cap="flat">
              <a:noFill/>
              <a:miter lim="400000"/>
            </a:ln>
            <a:effectLst/>
          </p:spPr>
          <p:txBody>
            <a:bodyPr wrap="square" lIns="35719" tIns="35719" rIns="35719" bIns="35719" numCol="1" anchor="ctr">
              <a:noAutofit/>
            </a:bodyPr>
            <a:lstStyle/>
            <a:p>
              <a:pPr defTabSz="410751">
                <a:defRPr sz="2200">
                  <a:solidFill>
                    <a:srgbClr val="FFFFFF"/>
                  </a:solidFill>
                  <a:latin typeface="Helvetica Neue Medium"/>
                  <a:ea typeface="Helvetica Neue Medium"/>
                  <a:cs typeface="Helvetica Neue Medium"/>
                  <a:sym typeface="Helvetica Neue Medium"/>
                </a:defRPr>
              </a:pPr>
              <a:endParaRPr sz="1547" b="1"/>
            </a:p>
          </p:txBody>
        </p:sp>
        <p:sp>
          <p:nvSpPr>
            <p:cNvPr id="62" name="Circle">
              <a:extLst>
                <a:ext uri="{FF2B5EF4-FFF2-40B4-BE49-F238E27FC236}">
                  <a16:creationId xmlns:a16="http://schemas.microsoft.com/office/drawing/2014/main" id="{04428475-92D3-28AB-118F-6D03FC33ACA9}"/>
                </a:ext>
              </a:extLst>
            </p:cNvPr>
            <p:cNvSpPr/>
            <p:nvPr/>
          </p:nvSpPr>
          <p:spPr>
            <a:xfrm>
              <a:off x="116578" y="283230"/>
              <a:ext cx="63501" cy="63501"/>
            </a:xfrm>
            <a:prstGeom prst="ellipse">
              <a:avLst/>
            </a:prstGeom>
            <a:solidFill>
              <a:srgbClr val="929292"/>
            </a:solidFill>
            <a:ln w="12700" cap="flat">
              <a:noFill/>
              <a:miter lim="400000"/>
            </a:ln>
            <a:effectLst/>
          </p:spPr>
          <p:txBody>
            <a:bodyPr wrap="square" lIns="35719" tIns="35719" rIns="35719" bIns="35719" numCol="1" anchor="ctr">
              <a:noAutofit/>
            </a:bodyPr>
            <a:lstStyle/>
            <a:p>
              <a:pPr defTabSz="410751">
                <a:defRPr sz="2200">
                  <a:solidFill>
                    <a:srgbClr val="FFFFFF"/>
                  </a:solidFill>
                  <a:latin typeface="Helvetica Neue Medium"/>
                  <a:ea typeface="Helvetica Neue Medium"/>
                  <a:cs typeface="Helvetica Neue Medium"/>
                  <a:sym typeface="Helvetica Neue Medium"/>
                </a:defRPr>
              </a:pPr>
              <a:endParaRPr sz="1547" b="1"/>
            </a:p>
          </p:txBody>
        </p:sp>
        <p:sp>
          <p:nvSpPr>
            <p:cNvPr id="63" name="Circle">
              <a:extLst>
                <a:ext uri="{FF2B5EF4-FFF2-40B4-BE49-F238E27FC236}">
                  <a16:creationId xmlns:a16="http://schemas.microsoft.com/office/drawing/2014/main" id="{7F402A08-CC48-A1E7-C42C-1853C0D7461E}"/>
                </a:ext>
              </a:extLst>
            </p:cNvPr>
            <p:cNvSpPr/>
            <p:nvPr/>
          </p:nvSpPr>
          <p:spPr>
            <a:xfrm>
              <a:off x="236321" y="283230"/>
              <a:ext cx="63501" cy="63501"/>
            </a:xfrm>
            <a:prstGeom prst="ellipse">
              <a:avLst/>
            </a:prstGeom>
            <a:solidFill>
              <a:srgbClr val="929292"/>
            </a:solidFill>
            <a:ln w="12700" cap="flat">
              <a:noFill/>
              <a:miter lim="400000"/>
            </a:ln>
            <a:effectLst/>
          </p:spPr>
          <p:txBody>
            <a:bodyPr wrap="square" lIns="35719" tIns="35719" rIns="35719" bIns="35719" numCol="1" anchor="ctr">
              <a:noAutofit/>
            </a:bodyPr>
            <a:lstStyle/>
            <a:p>
              <a:pPr defTabSz="410751">
                <a:defRPr sz="2200">
                  <a:solidFill>
                    <a:srgbClr val="FFFFFF"/>
                  </a:solidFill>
                  <a:latin typeface="Helvetica Neue Medium"/>
                  <a:ea typeface="Helvetica Neue Medium"/>
                  <a:cs typeface="Helvetica Neue Medium"/>
                  <a:sym typeface="Helvetica Neue Medium"/>
                </a:defRPr>
              </a:pPr>
              <a:endParaRPr sz="1547" b="1"/>
            </a:p>
          </p:txBody>
        </p:sp>
        <p:sp>
          <p:nvSpPr>
            <p:cNvPr id="64" name="t">
              <a:extLst>
                <a:ext uri="{FF2B5EF4-FFF2-40B4-BE49-F238E27FC236}">
                  <a16:creationId xmlns:a16="http://schemas.microsoft.com/office/drawing/2014/main" id="{FB0FAB8D-0A8B-BD76-C101-3FD5D9CFE594}"/>
                </a:ext>
              </a:extLst>
            </p:cNvPr>
            <p:cNvSpPr txBox="1"/>
            <p:nvPr/>
          </p:nvSpPr>
          <p:spPr>
            <a:xfrm>
              <a:off x="51811" y="-27561"/>
              <a:ext cx="177827" cy="379636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  <a:extLst>
              <a:ext uri="{C572A759-6A51-4108-AA02-DFA0A04FC94B}">
                <ma14:wrappingTextBoxFlag xmlns="" xmlns:m="http://schemas.openxmlformats.org/officeDocument/2006/math" xmlns:a14="http://schemas.microsoft.com/office/drawing/2010/main" xmlns:ma14="http://schemas.microsoft.com/office/mac/drawingml/2011/main" val="1"/>
              </a:ext>
            </a:extLst>
          </p:spPr>
          <p:txBody>
            <a:bodyPr wrap="none" lIns="35719" tIns="35719" rIns="35719" bIns="35719" numCol="1" anchor="ctr">
              <a:spAutoFit/>
            </a:bodyPr>
            <a:lstStyle>
              <a:lvl1pPr>
                <a:defRPr i="1">
                  <a:solidFill>
                    <a:srgbClr val="000000"/>
                  </a:solidFill>
                </a:defRPr>
              </a:lvl1pPr>
            </a:lstStyle>
            <a:p>
              <a:r>
                <a:rPr sz="1266" b="1"/>
                <a:t>t</a:t>
              </a:r>
            </a:p>
          </p:txBody>
        </p:sp>
      </p:grpSp>
      <p:pic>
        <p:nvPicPr>
          <p:cNvPr id="123" name="Picture 122">
            <a:extLst>
              <a:ext uri="{FF2B5EF4-FFF2-40B4-BE49-F238E27FC236}">
                <a16:creationId xmlns:a16="http://schemas.microsoft.com/office/drawing/2014/main" id="{A3ADD8F6-4BD4-F554-F837-A6B65CD860C1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9555196" y="3943030"/>
            <a:ext cx="868937" cy="853693"/>
          </a:xfrm>
          <a:prstGeom prst="rect">
            <a:avLst/>
          </a:prstGeom>
        </p:spPr>
      </p:pic>
      <p:sp>
        <p:nvSpPr>
          <p:cNvPr id="124" name="Date Placeholder 3">
            <a:extLst>
              <a:ext uri="{FF2B5EF4-FFF2-40B4-BE49-F238E27FC236}">
                <a16:creationId xmlns:a16="http://schemas.microsoft.com/office/drawing/2014/main" id="{99E3C30E-8599-A719-2D34-37D6190063C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364217"/>
            <a:ext cx="2743200" cy="180000"/>
          </a:xfrm>
        </p:spPr>
        <p:txBody>
          <a:bodyPr/>
          <a:lstStyle/>
          <a:p>
            <a:fld id="{997ECFD5-E07E-4246-A3BA-6245CC117A65}" type="datetime4">
              <a:rPr lang="en-US" b="1" noProof="0" smtClean="0"/>
              <a:t>May 25, 2023</a:t>
            </a:fld>
            <a:endParaRPr lang="en-US" b="1" noProof="0" dirty="0"/>
          </a:p>
        </p:txBody>
      </p:sp>
      <p:sp>
        <p:nvSpPr>
          <p:cNvPr id="125" name="Slide Number Placeholder 4">
            <a:extLst>
              <a:ext uri="{FF2B5EF4-FFF2-40B4-BE49-F238E27FC236}">
                <a16:creationId xmlns:a16="http://schemas.microsoft.com/office/drawing/2014/main" id="{56B9C4ED-1C17-2923-D781-D150C3649F2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719138" y="6358355"/>
            <a:ext cx="396000" cy="180000"/>
          </a:xfrm>
        </p:spPr>
        <p:txBody>
          <a:bodyPr/>
          <a:lstStyle/>
          <a:p>
            <a:fld id="{2DDEA8E7-5F55-4A60-8EF9-470692FC5635}" type="slidenum">
              <a:rPr lang="en-US" b="1" noProof="0" smtClean="0"/>
              <a:pPr/>
              <a:t>5</a:t>
            </a:fld>
            <a:endParaRPr lang="en-US" b="1" noProof="0"/>
          </a:p>
        </p:txBody>
      </p:sp>
      <p:sp>
        <p:nvSpPr>
          <p:cNvPr id="3" name="Arrow: Down 2">
            <a:extLst>
              <a:ext uri="{FF2B5EF4-FFF2-40B4-BE49-F238E27FC236}">
                <a16:creationId xmlns:a16="http://schemas.microsoft.com/office/drawing/2014/main" id="{8553D4F8-F7FC-883B-83F0-7883E359F79D}"/>
              </a:ext>
            </a:extLst>
          </p:cNvPr>
          <p:cNvSpPr/>
          <p:nvPr/>
        </p:nvSpPr>
        <p:spPr>
          <a:xfrm>
            <a:off x="1035761" y="2422404"/>
            <a:ext cx="314507" cy="493012"/>
          </a:xfrm>
          <a:prstGeom prst="downArrow">
            <a:avLst/>
          </a:prstGeom>
          <a:solidFill>
            <a:srgbClr val="00B05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1600" dirty="0" err="1">
              <a:solidFill>
                <a:srgbClr val="92D050"/>
              </a:solidFill>
              <a:latin typeface="+mj-lt"/>
            </a:endParaRPr>
          </a:p>
        </p:txBody>
      </p:sp>
      <p:sp>
        <p:nvSpPr>
          <p:cNvPr id="4" name="Arrow: Down 3">
            <a:extLst>
              <a:ext uri="{FF2B5EF4-FFF2-40B4-BE49-F238E27FC236}">
                <a16:creationId xmlns:a16="http://schemas.microsoft.com/office/drawing/2014/main" id="{9B21DA37-D5B5-F01F-D612-5CD326D7A7E4}"/>
              </a:ext>
            </a:extLst>
          </p:cNvPr>
          <p:cNvSpPr/>
          <p:nvPr/>
        </p:nvSpPr>
        <p:spPr>
          <a:xfrm>
            <a:off x="1049443" y="3641380"/>
            <a:ext cx="314507" cy="493012"/>
          </a:xfrm>
          <a:prstGeom prst="downArrow">
            <a:avLst/>
          </a:prstGeom>
          <a:solidFill>
            <a:srgbClr val="00B05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1600" dirty="0" err="1">
              <a:solidFill>
                <a:srgbClr val="92D050"/>
              </a:solidFill>
              <a:latin typeface="+mj-lt"/>
            </a:endParaRPr>
          </a:p>
        </p:txBody>
      </p:sp>
      <p:sp>
        <p:nvSpPr>
          <p:cNvPr id="5" name="Arrow: Down 4">
            <a:extLst>
              <a:ext uri="{FF2B5EF4-FFF2-40B4-BE49-F238E27FC236}">
                <a16:creationId xmlns:a16="http://schemas.microsoft.com/office/drawing/2014/main" id="{AE373BA5-A90E-DF4B-444E-7B98E1EB3C9A}"/>
              </a:ext>
            </a:extLst>
          </p:cNvPr>
          <p:cNvSpPr/>
          <p:nvPr/>
        </p:nvSpPr>
        <p:spPr>
          <a:xfrm>
            <a:off x="1035761" y="4799623"/>
            <a:ext cx="314507" cy="493012"/>
          </a:xfrm>
          <a:prstGeom prst="downArrow">
            <a:avLst/>
          </a:prstGeom>
          <a:solidFill>
            <a:srgbClr val="00B05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1600" dirty="0" err="1">
              <a:solidFill>
                <a:srgbClr val="92D050"/>
              </a:solidFill>
              <a:latin typeface="+mj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654803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9A8A0F0-973D-DF40-893B-7E79CDC675B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33C569F0-C586-7242-AA84-18137DD81364}" type="datetime4">
              <a:rPr lang="en-US" smtClean="0"/>
              <a:pPr/>
              <a:t>May 25, 2023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0014FF7-8CF4-474E-BE16-8C37F288AA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4C8C45C-947F-4981-8B3F-4F32E973C901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DC00F76-A9D2-234B-AF7A-A63A510089B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>
            <a:normAutofit fontScale="40000" lnSpcReduction="20000"/>
          </a:bodyPr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457302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CUSTMASTERTOPMARGIN" val="134.9291"/>
  <p:tag name="GUIDESAPPLIEDTO" val="2"/>
  <p:tag name="TITLETOPMARGIN" val="56.6929"/>
  <p:tag name="TITLEBOTTOMMARGIN" val="128.126"/>
  <p:tag name="MAXCOLS" val="12"/>
  <p:tag name="MAXROWS" val="6"/>
  <p:tag name="MAXGUTTERROW" val="1 cm"/>
  <p:tag name="MAXGUTTERCOL" val="1 cm"/>
  <p:tag name="GUIDEMETRICUNIT" val="cm"/>
  <p:tag name="MASTERLEFTMARGIN" val="56.6929"/>
  <p:tag name="MASTERBOTTOMMARGIN" val="56.693"/>
  <p:tag name="MASTERRIGHTMARGIN" val="56.6929"/>
  <p:tag name="CUSTMASTERLEFTMARGIN" val="56.6929"/>
  <p:tag name="CUSTMASTERBOTTOMMARGIN" val="56.693"/>
  <p:tag name="CUSTMASTERRIGHTMARGIN" val="56.692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ROWS" val="1"/>
  <p:tag name="MASTERTOPMARGIN" val="134.9291"/>
  <p:tag name="GUIDECOLS" val="12"/>
  <p:tag name="GUTTERCOL" val="1 cm"/>
  <p:tag name="GUTTERROW" val="1 cm"/>
  <p:tag name="MASTERLEFTMARGIN" val="56.6929"/>
  <p:tag name="MASTERRIGHTMARGIN" val="56.6929"/>
  <p:tag name="MASTERBOTTOMMARGIN" val="56.6929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GUIDECOLS" val="12"/>
  <p:tag name="GUIDEROWS" val="1"/>
  <p:tag name="GUTTERCOL" val="1 cm"/>
  <p:tag name="GUTTERROW" val="1 cm"/>
  <p:tag name="GUIDESAPPLIEDTO" val="2"/>
  <p:tag name="MASTERBOTTOMMARGIN" val="56.693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heme/theme1.xml><?xml version="1.0" encoding="utf-8"?>
<a:theme xmlns:a="http://schemas.openxmlformats.org/drawingml/2006/main" name="Office Theme">
  <a:themeElements>
    <a:clrScheme name="_Penn Medicines">
      <a:dk1>
        <a:srgbClr val="000000"/>
      </a:dk1>
      <a:lt1>
        <a:srgbClr val="FFFFFF"/>
      </a:lt1>
      <a:dk2>
        <a:srgbClr val="001D5B"/>
      </a:dk2>
      <a:lt2>
        <a:srgbClr val="FFFFFF"/>
      </a:lt2>
      <a:accent1>
        <a:srgbClr val="011F5B"/>
      </a:accent1>
      <a:accent2>
        <a:srgbClr val="085296"/>
      </a:accent2>
      <a:accent3>
        <a:srgbClr val="3C86C3"/>
      </a:accent3>
      <a:accent4>
        <a:srgbClr val="6B6C6E"/>
      </a:accent4>
      <a:accent5>
        <a:srgbClr val="C8CAC9"/>
      </a:accent5>
      <a:accent6>
        <a:srgbClr val="EAEAEA"/>
      </a:accent6>
      <a:hlink>
        <a:srgbClr val="3C86C3"/>
      </a:hlink>
      <a:folHlink>
        <a:srgbClr val="C9CBC9"/>
      </a:folHlink>
    </a:clrScheme>
    <a:fontScheme name="_Penn Medicines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36000" rIns="72000" bIns="36000" rtlCol="0" anchor="ctr"/>
      <a:lstStyle>
        <a:defPPr algn="ctr">
          <a:defRPr sz="1600" dirty="0" err="1" smtClean="0">
            <a:latin typeface="+mj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accent1"/>
            </a:solidFill>
            <a:latin typeface="+mj-lt"/>
          </a:defRPr>
        </a:defPPr>
      </a:lstStyle>
    </a:txDef>
  </a:objectDefaults>
  <a:extraClrSchemeLst/>
  <a:custClrLst>
    <a:custClr name="RGB( 153, 0, 0)">
      <a:srgbClr val="990000"/>
    </a:custClr>
    <a:custClr name="RGB( 158, 195, 225)">
      <a:srgbClr val="9EC3E1"/>
    </a:custClr>
    <a:custClr name="RGB( 13, 29, 55)">
      <a:srgbClr val="0D1D37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184, 204, 63)">
      <a:srgbClr val="B9CC3F"/>
    </a:custClr>
    <a:custClr name="RGB( 56, 155, 171)">
      <a:srgbClr val="389BAB"/>
    </a:custClr>
    <a:custClr name="RGB( 231, 121, 71)">
      <a:srgbClr val="E77947"/>
    </a:custClr>
    <a:custClr name="RGB( 96,66, 118)">
      <a:srgbClr val="604276"/>
    </a:custClr>
    <a:custClr name="RGB( 241, 186, 63)">
      <a:srgbClr val="F1BA3F"/>
    </a:custClr>
    <a:custClr name="RGB( 203, 93, 131)">
      <a:srgbClr val="CB5D83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0, 175, 114)">
      <a:srgbClr val="00AF72"/>
    </a:custClr>
    <a:custClr name="RGB( 0, 96, 118)">
      <a:srgbClr val="006076"/>
    </a:custClr>
    <a:custClr name="RGB( 249, 165, 78)">
      <a:srgbClr val="F9A54E"/>
    </a:custClr>
    <a:custClr name="RGB( 63, 21, 84)">
      <a:srgbClr val="3F1554"/>
    </a:custClr>
    <a:custClr name="RGB( 250, 222, 91)">
      <a:srgbClr val="FADE5B"/>
    </a:custClr>
    <a:custClr name="RGB( 160, 53, 112)">
      <a:srgbClr val="A03570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</a:custClrLst>
  <a:extLst>
    <a:ext uri="{05A4C25C-085E-4340-85A3-A5531E510DB2}">
      <thm15:themeFamily xmlns:thm15="http://schemas.microsoft.com/office/thememl/2012/main" name="Dynamic Presentation.potx" id="{E5FB424D-E745-434F-9CC1-46CC19E2E9A1}" vid="{34240860-933F-4D63-B27C-16F6D1EF1BF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Logos","dataSourceFieldName":"Name","name":"SelectLogo","label":"Select Logo"}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8103577119263867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8103577119263867","enableDocumentContentUpdater":false,"version":"2.0"}]]></TemplafySlideTemplateConfiguration>
</file>

<file path=customXml/item12.xml><?xml version="1.0" encoding="utf-8"?>
<TemplafyTemplateConfiguration><![CDATA[{"elementsMetadata":[{"elementConfiguration":{"binding":"{{Form.SelectOrTypeFooter}}","visibility":"","disableUpdates":false,"type":"text"},"type":"shape","id":"0f93f8be-3028-4178-9f21-1f6d18960cb6"},{"elementConfiguration":{"binding":"{{Form.SelectOrTypeFooter}}","visibility":"","disableUpdates":false,"type":"text"},"type":"shape","id":"720807fd-72c3-49d9-99d5-ca9bdd56b132"},{"elementConfiguration":{"binding":"{{Form.SelectOrTypeFooter}}","visibility":"","disableUpdates":false,"type":"text"},"type":"shape","id":"11023e81-84b6-40df-9a36-4ea12bd5531f"},{"elementConfiguration":{"binding":"{{Form.SelectOrTypeFooter}}","visibility":"","disableUpdates":false,"type":"text"},"type":"shape","id":"42c188d9-4ca5-45a5-87ad-6c00ef2ce227"},{"elementConfiguration":{"inheritDimensions":"{{InheritDimensions.InheritNone}}","width":"","height":"","image":"{{Form.SelectLogo.Logo_white}}","visibility":"","disableUpdates":false,"type":"image"},"type":"shape","id":"186229f9-c415-4e92-bd4c-500ba016fca8"},{"elementConfiguration":{"binding":"{{Form.SelectOrTypeFooter}}","visibility":"","disableUpdates":false,"type":"text"},"type":"shape","id":"b06f3568-829e-4460-93f5-b9a38f8746d4"},{"elementConfiguration":{"binding":"{{Form.SelectOrTypeFooter}}","visibility":"","disableUpdates":false,"type":"text"},"type":"shape","id":"42f937ca-0090-425c-94c6-4499b27e3cc0"},{"elementConfiguration":{"binding":"{{Form.SelectOrTypeFooter}}","visibility":"","disableUpdates":false,"type":"text"},"type":"shape","id":"f3dde9ec-a44b-4ab6-8dfe-23ac88be3558"},{"elementConfiguration":{"binding":"{{Form.SelectOrTypeFooter}}","visibility":"","disableUpdates":false,"type":"text"},"type":"shape","id":"c3a5e923-b36c-4b91-851e-9305afb8a8e9"},{"elementConfiguration":{"binding":"{{Form.SelectOrTypeFooter}}","visibility":"","disableUpdates":false,"type":"text"},"type":"shape","id":"a5e5d22c-2cb3-4921-8c86-f7343122ca27"},{"elementConfiguration":{"binding":"{{Form.SelectOrTypeFooter}}","visibility":"","disableUpdates":false,"type":"text"},"type":"shape","id":"ac3c8d63-dcb1-4a96-b837-b2959133418a"},{"elementConfiguration":{"binding":"{{Form.SelectOrTypeFooter}}","visibility":"","disableUpdates":false,"type":"text"},"type":"shape","id":"c5c0640c-3911-47bb-972f-bdb498c1ce17"},{"elementConfiguration":{"binding":"{{Form.SelectOrTypeFooter}}","visibility":"","disableUpdates":false,"type":"text"},"type":"shape","id":"68f120ca-9d53-4ded-92a6-fa54b995fcfe"},{"elementConfiguration":{"binding":"{{Form.SelectOrTypeFooter}}","visibility":"","disableUpdates":false,"type":"text"},"type":"shape","id":"1322ffa1-1ec2-49a0-9f44-b4ea0fcfb60e"},{"elementConfiguration":{"binding":"{{Form.SelectOrTypeFooter}}","visibility":"","disableUpdates":false,"type":"text"},"type":"shape","id":"a8890b5a-787c-478f-b9cd-86082f9efe78"},{"elementConfiguration":{"binding":"{{Form.SelectOrTypeFooter}}","visibility":"","disableUpdates":false,"type":"text"},"type":"shape","id":"e66fbddf-e7c7-49c2-946c-57a2d1d3efc3"},{"elementConfiguration":{"inheritDimensions":"{{InheritDimensions.InheritNone}}","width":"","height":"","image":"{{Form.SelectLogo.Logo_white}}","visibility":"","disableUpdates":false,"type":"image"},"type":"shape","id":"00de0ca2-f96c-47df-8ccc-31f13876e4cc"},{"elementConfiguration":{"binding":"{{Form.SelectOrTypeFooter}}","visibility":"","disableUpdates":false,"type":"text"},"type":"shape","id":"864e36b0-4aa1-4a5d-91c3-8fd2439d2771"},{"elementConfiguration":{"binding":"{{Form.SelectOrTypeFooter}}","visibility":"","disableUpdates":false,"type":"text"},"type":"shape","id":"874bc06c-7765-4ff1-92b8-03e3be96956b"},{"elementConfiguration":{"binding":"{{Form.SelectOrTypeFooter}}","visibility":"","disableUpdates":false,"type":"text"},"type":"shape","id":"ee0f3b00-25a0-4135-9ca7-bb99b8f1b1cb"},{"elementConfiguration":{"inheritDimensions":"{{InheritDimensions.InheritNone}}","width":"","height":"","image":"{{Form.SelectLogo.Logo_blue}}","visibility":"","disableUpdates":false,"type":"image"},"type":"shape","id":"fb03c652-f140-4034-afd2-7e1d00a3c949"}],"transformationConfigurations":[],"templateName":"Penn Medicine Standard PPT Template","templateDescription":"Use this template to select customized entity and hospital logos.","enableDocumentContentUpdater":true,"version":"2.0"}]]></Templafy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8103577119263867","enableDocumentContentUpdater":false,"version":"2.0"}]]></TemplafySlideTemplateConfiguration>
</file>

<file path=customXml/item1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A97E1138871B54BAC44FDC563EAB618" ma:contentTypeVersion="7" ma:contentTypeDescription="Create a new document." ma:contentTypeScope="" ma:versionID="b14ee44208b37547472b6ed4aa7570b3">
  <xsd:schema xmlns:xsd="http://www.w3.org/2001/XMLSchema" xmlns:xs="http://www.w3.org/2001/XMLSchema" xmlns:p="http://schemas.microsoft.com/office/2006/metadata/properties" xmlns:ns3="5c8ab484-73c1-4251-8bb0-e11fdbe3b7c4" xmlns:ns4="621ad811-f5f1-4d4c-8e4c-da7d2b2f67af" targetNamespace="http://schemas.microsoft.com/office/2006/metadata/properties" ma:root="true" ma:fieldsID="e3f061dbcd9032c71bdc1e50d27d4e55" ns3:_="" ns4:_="">
    <xsd:import namespace="5c8ab484-73c1-4251-8bb0-e11fdbe3b7c4"/>
    <xsd:import namespace="621ad811-f5f1-4d4c-8e4c-da7d2b2f67a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c8ab484-73c1-4251-8bb0-e11fdbe3b7c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21ad811-f5f1-4d4c-8e4c-da7d2b2f67a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4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{"elementConfiguration":{"inheritDimensions":"{{InheritDimensions.InheritNone}}","width":"","height":"","image":"{{Form.SelectLogo.Logo_white}}","visibility":"","disableUpdates":false,"type":"image"},"type":"shape"}],"slideId":"638101559846784071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8103577119263867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Logos","dataSourceFieldName":"Name","name":"SelectLogo","label":"Select Logo"},{"required":false,"autoSelectFirstOption":false,"helpTexts":{},"spacing":{},"shareValue":false,"type":"comboBox","dataSourceName":"Footers","dataSourceFieldName":"Name","name":"SelectOrTypeFooter","label":"Select or type footer:"}],"formDataEntries":[{"name":"SelectLogo","value":"hIupdtyWarFxXk0VJwLToOYLsBdpaj/VYZVPdmgNjDY="},{"name":"SelectOrTypeFooter","value":"pIJtO8VxEmcFmJ4TDwryfnaM3qwwdpMkf8otER0DIHQ="}]}]]></TemplafyFormConfiguration>
</file>

<file path=customXml/item5.xml><?xml version="1.0" encoding="utf-8"?>
<TemplafySlideTemplateConfiguration><![CDATA[{"slideVersion":1,"isValidatorEnabled":false,"isLocked":false,"elementsMetadata":[],"slideId":"638103577119263867","enableDocumentContentUpdater":false,"version":"2.0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FormConfiguration><![CDATA[{"formFields":[],"formDataEntries":[]}]]></TemplafySlideFormConfiguration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9.xml><?xml version="1.0" encoding="utf-8"?>
<TemplafySlideTemplateConfiguration><![CDATA[{"slideVersion":1,"isValidatorEnabled":false,"isLocked":false,"elementsMetadata":[],"slideId":"63810155984919353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87B117A-2688-47A4-B2B6-5ED9D9F0253F}">
  <ds:schemaRefs/>
</ds:datastoreItem>
</file>

<file path=customXml/itemProps10.xml><?xml version="1.0" encoding="utf-8"?>
<ds:datastoreItem xmlns:ds="http://schemas.openxmlformats.org/officeDocument/2006/customXml" ds:itemID="{F3684E3C-7229-4E7C-9BB6-69A8C24993BF}">
  <ds:schemaRefs/>
</ds:datastoreItem>
</file>

<file path=customXml/itemProps11.xml><?xml version="1.0" encoding="utf-8"?>
<ds:datastoreItem xmlns:ds="http://schemas.openxmlformats.org/officeDocument/2006/customXml" ds:itemID="{3CFF4545-EE32-47AD-A0E5-E651524D9E4C}">
  <ds:schemaRefs/>
</ds:datastoreItem>
</file>

<file path=customXml/itemProps12.xml><?xml version="1.0" encoding="utf-8"?>
<ds:datastoreItem xmlns:ds="http://schemas.openxmlformats.org/officeDocument/2006/customXml" ds:itemID="{8B390A47-7C58-4096-A2CD-BDC3C0704E56}">
  <ds:schemaRefs/>
</ds:datastoreItem>
</file>

<file path=customXml/itemProps13.xml><?xml version="1.0" encoding="utf-8"?>
<ds:datastoreItem xmlns:ds="http://schemas.openxmlformats.org/officeDocument/2006/customXml" ds:itemID="{589A860A-8325-464D-A387-F2B024B64032}">
  <ds:schemaRefs/>
</ds:datastoreItem>
</file>

<file path=customXml/itemProps14.xml><?xml version="1.0" encoding="utf-8"?>
<ds:datastoreItem xmlns:ds="http://schemas.openxmlformats.org/officeDocument/2006/customXml" ds:itemID="{F5A19566-34F1-407A-B6C0-48D0EA174606}">
  <ds:schemaRefs/>
</ds:datastoreItem>
</file>

<file path=customXml/itemProps15.xml><?xml version="1.0" encoding="utf-8"?>
<ds:datastoreItem xmlns:ds="http://schemas.openxmlformats.org/officeDocument/2006/customXml" ds:itemID="{B6E2B322-F1E7-49D6-9773-770A59B58CFA}">
  <ds:schemaRefs/>
</ds:datastoreItem>
</file>

<file path=customXml/itemProps16.xml><?xml version="1.0" encoding="utf-8"?>
<ds:datastoreItem xmlns:ds="http://schemas.openxmlformats.org/officeDocument/2006/customXml" ds:itemID="{D7B11EA6-F6E8-4537-9C9D-0EFB326754D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c8ab484-73c1-4251-8bb0-e11fdbe3b7c4"/>
    <ds:schemaRef ds:uri="621ad811-f5f1-4d4c-8e4c-da7d2b2f67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7.xml><?xml version="1.0" encoding="utf-8"?>
<ds:datastoreItem xmlns:ds="http://schemas.openxmlformats.org/officeDocument/2006/customXml" ds:itemID="{C93F71F7-32F7-49AD-8016-FA2446039362}">
  <ds:schemaRefs/>
</ds:datastoreItem>
</file>

<file path=customXml/itemProps18.xml><?xml version="1.0" encoding="utf-8"?>
<ds:datastoreItem xmlns:ds="http://schemas.openxmlformats.org/officeDocument/2006/customXml" ds:itemID="{60521A20-1BEE-4532-8B06-276DA2DF81E6}">
  <ds:schemaRefs/>
</ds:datastoreItem>
</file>

<file path=customXml/itemProps19.xml><?xml version="1.0" encoding="utf-8"?>
<ds:datastoreItem xmlns:ds="http://schemas.openxmlformats.org/officeDocument/2006/customXml" ds:itemID="{C9DD885C-ACE6-4B11-8F3B-DC2DCCCEBA73}">
  <ds:schemaRefs/>
</ds:datastoreItem>
</file>

<file path=customXml/itemProps2.xml><?xml version="1.0" encoding="utf-8"?>
<ds:datastoreItem xmlns:ds="http://schemas.openxmlformats.org/officeDocument/2006/customXml" ds:itemID="{B4EE6F35-5A50-4B32-82A7-A041AB52C3F2}">
  <ds:schemaRefs/>
</ds:datastoreItem>
</file>

<file path=customXml/itemProps3.xml><?xml version="1.0" encoding="utf-8"?>
<ds:datastoreItem xmlns:ds="http://schemas.openxmlformats.org/officeDocument/2006/customXml" ds:itemID="{A02E8D23-4BF5-4BB2-9CD3-60D6E6E30882}">
  <ds:schemaRefs/>
</ds:datastoreItem>
</file>

<file path=customXml/itemProps4.xml><?xml version="1.0" encoding="utf-8"?>
<ds:datastoreItem xmlns:ds="http://schemas.openxmlformats.org/officeDocument/2006/customXml" ds:itemID="{3AE8D32F-AC01-42AC-92C6-DAF95DE03028}">
  <ds:schemaRefs/>
</ds:datastoreItem>
</file>

<file path=customXml/itemProps5.xml><?xml version="1.0" encoding="utf-8"?>
<ds:datastoreItem xmlns:ds="http://schemas.openxmlformats.org/officeDocument/2006/customXml" ds:itemID="{64AE3BA5-C5EE-4D0B-8A35-CE09E1867A7A}">
  <ds:schemaRefs/>
</ds:datastoreItem>
</file>

<file path=customXml/itemProps6.xml><?xml version="1.0" encoding="utf-8"?>
<ds:datastoreItem xmlns:ds="http://schemas.openxmlformats.org/officeDocument/2006/customXml" ds:itemID="{431BD724-1688-44D1-BC7E-E5FCEF8A0FF6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7A0945E9-8418-469D-AB9C-7B2937BC69CC}">
  <ds:schemaRefs/>
</ds:datastoreItem>
</file>

<file path=customXml/itemProps8.xml><?xml version="1.0" encoding="utf-8"?>
<ds:datastoreItem xmlns:ds="http://schemas.openxmlformats.org/officeDocument/2006/customXml" ds:itemID="{EF540B28-4DD7-448A-A009-4A902943B631}">
  <ds:schemaRefs>
    <ds:schemaRef ds:uri="http://schemas.openxmlformats.org/package/2006/metadata/core-properties"/>
    <ds:schemaRef ds:uri="http://schemas.microsoft.com/office/2006/metadata/properties"/>
    <ds:schemaRef ds:uri="621ad811-f5f1-4d4c-8e4c-da7d2b2f67af"/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http://purl.org/dc/dcmitype/"/>
    <ds:schemaRef ds:uri="5c8ab484-73c1-4251-8bb0-e11fdbe3b7c4"/>
    <ds:schemaRef ds:uri="http://www.w3.org/XML/1998/namespace"/>
    <ds:schemaRef ds:uri="http://purl.org/dc/terms/"/>
  </ds:schemaRefs>
</ds:datastoreItem>
</file>

<file path=customXml/itemProps9.xml><?xml version="1.0" encoding="utf-8"?>
<ds:datastoreItem xmlns:ds="http://schemas.openxmlformats.org/officeDocument/2006/customXml" ds:itemID="{38680248-8DCA-4AB2-9AAB-939003395C6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395</TotalTime>
  <Words>478</Words>
  <Application>Microsoft Office PowerPoint</Application>
  <PresentationFormat>Widescreen</PresentationFormat>
  <Paragraphs>70</Paragraphs>
  <Slides>6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6" baseType="lpstr">
      <vt:lpstr>Arial</vt:lpstr>
      <vt:lpstr>Baguet Script</vt:lpstr>
      <vt:lpstr>Calibri</vt:lpstr>
      <vt:lpstr>Calibri Light</vt:lpstr>
      <vt:lpstr>Courier New</vt:lpstr>
      <vt:lpstr>Forte</vt:lpstr>
      <vt:lpstr>Helvetica Neue Medium</vt:lpstr>
      <vt:lpstr>Segoe Print</vt:lpstr>
      <vt:lpstr>Wingdings</vt:lpstr>
      <vt:lpstr>Office Theme</vt:lpstr>
      <vt:lpstr>Personalized functional network modeling</vt:lpstr>
      <vt:lpstr>Personalized functional network (pNet) modeling</vt:lpstr>
      <vt:lpstr>Personalized functional network (pNet) modeling</vt:lpstr>
      <vt:lpstr>Multiscale functional connectivity patterns of the aging brain learned from harmonized rsfMRI data of niCHART cohorts</vt:lpstr>
      <vt:lpstr>A user-friendly pNet toolbox 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subject/>
  <dc:creator>Fan, Yong</dc:creator>
  <cp:keywords/>
  <dc:description/>
  <cp:lastModifiedBy>Fan, Yong</cp:lastModifiedBy>
  <cp:revision>111</cp:revision>
  <dcterms:created xsi:type="dcterms:W3CDTF">2023-05-17T21:48:32Z</dcterms:created>
  <dcterms:modified xsi:type="dcterms:W3CDTF">2023-05-25T20:03:5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3-02T19:31:42</vt:lpwstr>
  </property>
  <property fmtid="{D5CDD505-2E9C-101B-9397-08002B2CF9AE}" pid="3" name="TemplafyTenantId">
    <vt:lpwstr>pennmedicine</vt:lpwstr>
  </property>
  <property fmtid="{D5CDD505-2E9C-101B-9397-08002B2CF9AE}" pid="4" name="TemplafyTemplateId">
    <vt:lpwstr>638101547883233111</vt:lpwstr>
  </property>
  <property fmtid="{D5CDD505-2E9C-101B-9397-08002B2CF9AE}" pid="5" name="TemplafyUserProfileId">
    <vt:lpwstr>638147004331369693</vt:lpwstr>
  </property>
  <property fmtid="{D5CDD505-2E9C-101B-9397-08002B2CF9AE}" pid="6" name="TemplafyFromBlank">
    <vt:bool>false</vt:bool>
  </property>
  <property fmtid="{D5CDD505-2E9C-101B-9397-08002B2CF9AE}" pid="7" name="ContentTypeId">
    <vt:lpwstr>0x010100EA97E1138871B54BAC44FDC563EAB618</vt:lpwstr>
  </property>
</Properties>
</file>